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12表" sheetId="1" r:id="rId1"/>
  </sheets>
  <definedNames>
    <definedName name="_Fill" localSheetId="0" hidden="1">第12表!#REF!</definedName>
    <definedName name="_xlnm._FilterDatabase" localSheetId="0" hidden="1">第12表!$A$1:$CP$46</definedName>
    <definedName name="_Key1" hidden="1">#REF!</definedName>
    <definedName name="_Order1" hidden="1">0</definedName>
    <definedName name="_Regression_Int" localSheetId="0" hidden="1">1</definedName>
    <definedName name="\a" localSheetId="0">第12表!#REF!</definedName>
    <definedName name="\b">#REF!</definedName>
    <definedName name="_xlnm.Print_Area" localSheetId="0">第12表!$B$1:$CP$46</definedName>
    <definedName name="Print_Area_MI" localSheetId="0">第12表!$D$2:$W$46</definedName>
    <definedName name="Print_Titles_MI" localSheetId="0">第12表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3" uniqueCount="116">
  <si>
    <t>第１２表　基盤安定制度繰入金の状況－１</t>
    <rPh sb="9" eb="11">
      <t>セイド</t>
    </rPh>
    <rPh sb="11" eb="14">
      <t>クリイレキン</t>
    </rPh>
    <phoneticPr fontId="4"/>
  </si>
  <si>
    <t>第１２表　基盤安定制度繰入金の状況－２</t>
    <phoneticPr fontId="2"/>
  </si>
  <si>
    <t>第１２表　基盤安定制度繰入金の状況－３</t>
    <phoneticPr fontId="2"/>
  </si>
  <si>
    <t>第１２表　基盤安定制度繰入金の状況－４</t>
    <phoneticPr fontId="2"/>
  </si>
  <si>
    <t>第１２表　基盤安定制度繰入金の状況－５</t>
    <phoneticPr fontId="2"/>
  </si>
  <si>
    <t>第１２表　基盤安定制度繰入金の状況－６</t>
    <phoneticPr fontId="2"/>
  </si>
  <si>
    <t>非表示</t>
    <rPh sb="0" eb="3">
      <t>ヒヒョウジ</t>
    </rPh>
    <phoneticPr fontId="2"/>
  </si>
  <si>
    <t xml:space="preserve"> (医療分)</t>
    <rPh sb="2" eb="4">
      <t>イリョウ</t>
    </rPh>
    <rPh sb="4" eb="5">
      <t>ブン</t>
    </rPh>
    <phoneticPr fontId="2"/>
  </si>
  <si>
    <t xml:space="preserve"> （単位：円)</t>
    <phoneticPr fontId="2"/>
  </si>
  <si>
    <t xml:space="preserve"> (後期高齢者支援分)</t>
    <rPh sb="2" eb="4">
      <t>コウキ</t>
    </rPh>
    <rPh sb="4" eb="7">
      <t>コウレイシャ</t>
    </rPh>
    <rPh sb="7" eb="9">
      <t>シエン</t>
    </rPh>
    <rPh sb="9" eb="10">
      <t>ブン</t>
    </rPh>
    <phoneticPr fontId="2"/>
  </si>
  <si>
    <t xml:space="preserve"> （単位：円)</t>
    <phoneticPr fontId="2"/>
  </si>
  <si>
    <t xml:space="preserve"> (介護分)</t>
    <rPh sb="2" eb="4">
      <t>カイゴ</t>
    </rPh>
    <rPh sb="4" eb="5">
      <t>ブン</t>
    </rPh>
    <phoneticPr fontId="2"/>
  </si>
  <si>
    <t>保険者名</t>
  </si>
  <si>
    <t>基盤安定制度負担金　</t>
    <phoneticPr fontId="2"/>
  </si>
  <si>
    <t>基盤安定制度負担金　</t>
    <phoneticPr fontId="2"/>
  </si>
  <si>
    <t>(退)の限度額</t>
  </si>
  <si>
    <t>平成28年度
賦課期日現在
世帯数(F)</t>
    <rPh sb="14" eb="16">
      <t>セタイ</t>
    </rPh>
    <rPh sb="16" eb="17">
      <t>カズ</t>
    </rPh>
    <phoneticPr fontId="2"/>
  </si>
  <si>
    <t xml:space="preserve">   　　　　　　　軽  　減　  世  　帯  　数</t>
    <rPh sb="10" eb="11">
      <t>ケイ</t>
    </rPh>
    <rPh sb="14" eb="15">
      <t>ゲン</t>
    </rPh>
    <rPh sb="18" eb="19">
      <t>ヨ</t>
    </rPh>
    <rPh sb="22" eb="23">
      <t>オビ</t>
    </rPh>
    <rPh sb="26" eb="27">
      <t>スウ</t>
    </rPh>
    <phoneticPr fontId="2"/>
  </si>
  <si>
    <t>平成28年度
賦課期日現在
被保険者数</t>
    <rPh sb="14" eb="18">
      <t>ヒホケンシャ</t>
    </rPh>
    <phoneticPr fontId="2"/>
  </si>
  <si>
    <t>被  　保  　険  　者  　数  　（人）</t>
    <rPh sb="0" eb="1">
      <t>ヒ</t>
    </rPh>
    <rPh sb="4" eb="5">
      <t>タモツ</t>
    </rPh>
    <rPh sb="8" eb="9">
      <t>ケン</t>
    </rPh>
    <rPh sb="12" eb="13">
      <t>モノ</t>
    </rPh>
    <rPh sb="16" eb="17">
      <t>スウ</t>
    </rPh>
    <rPh sb="21" eb="22">
      <t>ニン</t>
    </rPh>
    <phoneticPr fontId="2"/>
  </si>
  <si>
    <t xml:space="preserve">全  軽  減  対  象  世  帯  割  合 </t>
    <phoneticPr fontId="2"/>
  </si>
  <si>
    <t xml:space="preserve">   　　　　繰   入   金   （  軽   減   分  ）</t>
    <rPh sb="7" eb="8">
      <t>グリ</t>
    </rPh>
    <rPh sb="11" eb="12">
      <t>イ</t>
    </rPh>
    <rPh sb="15" eb="16">
      <t>キン</t>
    </rPh>
    <rPh sb="22" eb="23">
      <t>ケイ</t>
    </rPh>
    <rPh sb="26" eb="27">
      <t>ゲン</t>
    </rPh>
    <rPh sb="30" eb="31">
      <t>ブン</t>
    </rPh>
    <phoneticPr fontId="2"/>
  </si>
  <si>
    <t>保   険   者   支   援   分</t>
    <rPh sb="0" eb="1">
      <t>タモツ</t>
    </rPh>
    <rPh sb="4" eb="5">
      <t>ケン</t>
    </rPh>
    <rPh sb="8" eb="9">
      <t>モノ</t>
    </rPh>
    <rPh sb="12" eb="13">
      <t>ササ</t>
    </rPh>
    <rPh sb="16" eb="17">
      <t>オン</t>
    </rPh>
    <rPh sb="20" eb="21">
      <t>ブン</t>
    </rPh>
    <phoneticPr fontId="2"/>
  </si>
  <si>
    <t>繰入金
合計</t>
    <rPh sb="0" eb="3">
      <t>クリイレキン</t>
    </rPh>
    <rPh sb="4" eb="5">
      <t>ゴウ</t>
    </rPh>
    <rPh sb="5" eb="6">
      <t>ケイ</t>
    </rPh>
    <phoneticPr fontId="2"/>
  </si>
  <si>
    <t>平成28年度
賦課期日現在
世帯数(F)</t>
    <phoneticPr fontId="2"/>
  </si>
  <si>
    <t>軽　   減　   世   　帯   　数</t>
    <rPh sb="0" eb="1">
      <t>ケイ</t>
    </rPh>
    <rPh sb="5" eb="6">
      <t>ゲン</t>
    </rPh>
    <rPh sb="10" eb="11">
      <t>ヨ</t>
    </rPh>
    <rPh sb="15" eb="16">
      <t>オビ</t>
    </rPh>
    <rPh sb="20" eb="21">
      <t>カズ</t>
    </rPh>
    <phoneticPr fontId="2"/>
  </si>
  <si>
    <t>被   　保   　険   　者　   数   　（人）</t>
    <phoneticPr fontId="2"/>
  </si>
  <si>
    <t xml:space="preserve">全  軽  減  対  象  世  帯  割  合 </t>
    <phoneticPr fontId="2"/>
  </si>
  <si>
    <t>繰   　入　   金   　額</t>
    <rPh sb="0" eb="1">
      <t>グリ</t>
    </rPh>
    <rPh sb="5" eb="6">
      <t>イ</t>
    </rPh>
    <rPh sb="10" eb="11">
      <t>キン</t>
    </rPh>
    <rPh sb="15" eb="16">
      <t>ガク</t>
    </rPh>
    <phoneticPr fontId="2"/>
  </si>
  <si>
    <t>保  険  者  支  援  分</t>
    <rPh sb="0" eb="1">
      <t>タモツ</t>
    </rPh>
    <rPh sb="3" eb="4">
      <t>ケン</t>
    </rPh>
    <rPh sb="6" eb="7">
      <t>モノ</t>
    </rPh>
    <rPh sb="9" eb="10">
      <t>ササ</t>
    </rPh>
    <rPh sb="12" eb="13">
      <t>オン</t>
    </rPh>
    <rPh sb="15" eb="16">
      <t>ブン</t>
    </rPh>
    <phoneticPr fontId="2"/>
  </si>
  <si>
    <t>繰   入   金
合　 計</t>
    <rPh sb="0" eb="1">
      <t>クリ</t>
    </rPh>
    <rPh sb="4" eb="5">
      <t>イリ</t>
    </rPh>
    <rPh sb="8" eb="9">
      <t>キン</t>
    </rPh>
    <rPh sb="10" eb="11">
      <t>ゴウ</t>
    </rPh>
    <rPh sb="13" eb="14">
      <t>ケイ</t>
    </rPh>
    <phoneticPr fontId="2"/>
  </si>
  <si>
    <t>平成28年度
賦課期日現在
被保険者数</t>
    <phoneticPr fontId="2"/>
  </si>
  <si>
    <t>被   　保   　険   　者　   数   　（人）</t>
    <phoneticPr fontId="2"/>
  </si>
  <si>
    <t xml:space="preserve">全  軽  減  対  象  世  帯  割  合  </t>
    <phoneticPr fontId="2"/>
  </si>
  <si>
    <t>以下の基準総</t>
  </si>
  <si>
    <t>6</t>
    <phoneticPr fontId="2"/>
  </si>
  <si>
    <t>(7)割軽減</t>
    <phoneticPr fontId="2"/>
  </si>
  <si>
    <t>4</t>
    <phoneticPr fontId="2"/>
  </si>
  <si>
    <t>(5)割軽減</t>
    <phoneticPr fontId="2"/>
  </si>
  <si>
    <t>2</t>
    <phoneticPr fontId="2"/>
  </si>
  <si>
    <t>2割軽減</t>
    <phoneticPr fontId="2"/>
  </si>
  <si>
    <t>合計</t>
    <phoneticPr fontId="2"/>
  </si>
  <si>
    <t>(7)割軽減</t>
    <phoneticPr fontId="2"/>
  </si>
  <si>
    <t>(5)割軽減</t>
    <phoneticPr fontId="2"/>
  </si>
  <si>
    <t>2割軽減</t>
    <phoneticPr fontId="2"/>
  </si>
  <si>
    <t>6(7)割軽減</t>
    <phoneticPr fontId="2"/>
  </si>
  <si>
    <t>4(5)割軽減</t>
    <phoneticPr fontId="2"/>
  </si>
  <si>
    <t>一人当たり
保険料算定額</t>
    <rPh sb="0" eb="2">
      <t>ヒトリ</t>
    </rPh>
    <rPh sb="2" eb="3">
      <t>トウ</t>
    </rPh>
    <rPh sb="6" eb="9">
      <t>ホケンリョウ</t>
    </rPh>
    <rPh sb="9" eb="11">
      <t>サンテイ</t>
    </rPh>
    <rPh sb="11" eb="12">
      <t>ガク</t>
    </rPh>
    <phoneticPr fontId="2"/>
  </si>
  <si>
    <t>繰入金</t>
    <rPh sb="0" eb="3">
      <t>クリイレキン</t>
    </rPh>
    <phoneticPr fontId="2"/>
  </si>
  <si>
    <t>割軽減</t>
    <phoneticPr fontId="2"/>
  </si>
  <si>
    <t>6</t>
    <phoneticPr fontId="2"/>
  </si>
  <si>
    <t>4</t>
    <phoneticPr fontId="2"/>
  </si>
  <si>
    <t>2</t>
    <phoneticPr fontId="2"/>
  </si>
  <si>
    <t>割軽減</t>
    <phoneticPr fontId="2"/>
  </si>
  <si>
    <t>合計</t>
    <phoneticPr fontId="2"/>
  </si>
  <si>
    <t>6(7)割軽減</t>
    <phoneticPr fontId="2"/>
  </si>
  <si>
    <t>4(5)割軽減</t>
    <phoneticPr fontId="2"/>
  </si>
  <si>
    <t>一人当たり
平均算定額</t>
    <rPh sb="0" eb="3">
      <t>ヒトリア</t>
    </rPh>
    <rPh sb="6" eb="8">
      <t>ヘイキン</t>
    </rPh>
    <rPh sb="8" eb="10">
      <t>サンテイ</t>
    </rPh>
    <rPh sb="10" eb="11">
      <t>ガク</t>
    </rPh>
    <phoneticPr fontId="2"/>
  </si>
  <si>
    <t>6</t>
    <phoneticPr fontId="2"/>
  </si>
  <si>
    <t>6(7)割軽減</t>
    <phoneticPr fontId="2"/>
  </si>
  <si>
    <t>4(5)割軽減</t>
    <phoneticPr fontId="2"/>
  </si>
  <si>
    <t>所得金額 (D)</t>
  </si>
  <si>
    <t>(G)</t>
  </si>
  <si>
    <t>(H)</t>
  </si>
  <si>
    <t>(I)</t>
  </si>
  <si>
    <t>(J)</t>
  </si>
  <si>
    <t>(G)/(F)</t>
  </si>
  <si>
    <t>(H)/(F)</t>
  </si>
  <si>
    <t>(I)/(F)</t>
  </si>
  <si>
    <t>(J)/(F)</t>
  </si>
  <si>
    <t>(K)</t>
    <phoneticPr fontId="2"/>
  </si>
  <si>
    <t>(L)</t>
    <phoneticPr fontId="2"/>
  </si>
  <si>
    <t xml:space="preserve">(K)+(L)  </t>
    <phoneticPr fontId="2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 xml:space="preserve"> 津久井町</t>
  </si>
  <si>
    <t xml:space="preserve"> 相模湖町</t>
  </si>
  <si>
    <t xml:space="preserve"> 藤野町</t>
  </si>
  <si>
    <t>市           計</t>
    <phoneticPr fontId="2"/>
  </si>
  <si>
    <t>町   村   計</t>
    <phoneticPr fontId="2"/>
  </si>
  <si>
    <t>町   村   計</t>
    <phoneticPr fontId="2"/>
  </si>
  <si>
    <t>町   村   計</t>
    <phoneticPr fontId="2"/>
  </si>
  <si>
    <t>市町村計</t>
    <phoneticPr fontId="2"/>
  </si>
  <si>
    <t>割軽減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#,##0_ ;[Red]\-#,##0\ "/>
  </numFmts>
  <fonts count="9" x14ac:knownFonts="1"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8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37" fontId="1" fillId="0" borderId="0"/>
  </cellStyleXfs>
  <cellXfs count="274">
    <xf numFmtId="0" fontId="0" fillId="0" borderId="0" xfId="0"/>
    <xf numFmtId="37" fontId="2" fillId="0" borderId="0" xfId="1" applyFont="1"/>
    <xf numFmtId="37" fontId="2" fillId="0" borderId="0" xfId="1" applyFont="1" applyFill="1"/>
    <xf numFmtId="37" fontId="5" fillId="0" borderId="1" xfId="1" applyFont="1" applyBorder="1" applyAlignment="1" applyProtection="1">
      <alignment horizontal="center"/>
    </xf>
    <xf numFmtId="37" fontId="5" fillId="0" borderId="1" xfId="1" applyFont="1" applyBorder="1" applyAlignment="1" applyProtection="1">
      <alignment horizontal="left"/>
    </xf>
    <xf numFmtId="0" fontId="5" fillId="0" borderId="0" xfId="1" applyNumberFormat="1" applyFont="1" applyAlignment="1" applyProtection="1"/>
    <xf numFmtId="37" fontId="5" fillId="0" borderId="1" xfId="1" applyFont="1" applyBorder="1"/>
    <xf numFmtId="37" fontId="5" fillId="0" borderId="0" xfId="1" applyFont="1"/>
    <xf numFmtId="37" fontId="5" fillId="0" borderId="0" xfId="1" applyFont="1" applyBorder="1"/>
    <xf numFmtId="37" fontId="5" fillId="0" borderId="1" xfId="1" applyFont="1" applyFill="1" applyBorder="1" applyAlignment="1">
      <alignment horizontal="right"/>
    </xf>
    <xf numFmtId="37" fontId="5" fillId="0" borderId="1" xfId="1" applyFont="1" applyFill="1" applyBorder="1" applyAlignment="1" applyProtection="1"/>
    <xf numFmtId="37" fontId="5" fillId="0" borderId="6" xfId="1" applyFont="1" applyFill="1" applyBorder="1"/>
    <xf numFmtId="37" fontId="5" fillId="0" borderId="11" xfId="1" applyFont="1" applyFill="1" applyBorder="1" applyAlignment="1" applyProtection="1">
      <alignment horizontal="center"/>
    </xf>
    <xf numFmtId="37" fontId="5" fillId="0" borderId="15" xfId="1" applyFont="1" applyFill="1" applyBorder="1" applyAlignment="1" applyProtection="1"/>
    <xf numFmtId="37" fontId="5" fillId="0" borderId="2" xfId="1" applyFont="1" applyFill="1" applyBorder="1" applyAlignment="1" applyProtection="1">
      <alignment horizontal="centerContinuous" vertical="center"/>
    </xf>
    <xf numFmtId="37" fontId="5" fillId="0" borderId="16" xfId="1" applyFont="1" applyFill="1" applyBorder="1" applyAlignment="1" applyProtection="1">
      <alignment vertical="center"/>
    </xf>
    <xf numFmtId="37" fontId="5" fillId="0" borderId="2" xfId="1" applyFont="1" applyFill="1" applyBorder="1" applyAlignment="1" applyProtection="1">
      <alignment horizontal="center"/>
    </xf>
    <xf numFmtId="0" fontId="5" fillId="0" borderId="2" xfId="0" applyFont="1" applyFill="1" applyBorder="1" applyAlignment="1">
      <alignment horizontal="centerContinuous" vertical="center"/>
    </xf>
    <xf numFmtId="37" fontId="5" fillId="0" borderId="2" xfId="1" quotePrefix="1" applyFont="1" applyFill="1" applyBorder="1" applyAlignment="1" applyProtection="1">
      <alignment horizontal="distributed" justifyLastLine="1"/>
    </xf>
    <xf numFmtId="37" fontId="5" fillId="0" borderId="15" xfId="1" applyFont="1" applyFill="1" applyBorder="1" applyAlignment="1">
      <alignment horizontal="centerContinuous" vertical="center"/>
    </xf>
    <xf numFmtId="37" fontId="5" fillId="0" borderId="2" xfId="1" applyFont="1" applyFill="1" applyBorder="1" applyAlignment="1">
      <alignment horizontal="centerContinuous" vertical="center"/>
    </xf>
    <xf numFmtId="37" fontId="5" fillId="0" borderId="2" xfId="1" quotePrefix="1" applyFont="1" applyFill="1" applyBorder="1" applyAlignment="1">
      <alignment horizontal="right" vertical="center"/>
    </xf>
    <xf numFmtId="37" fontId="5" fillId="0" borderId="2" xfId="1" quotePrefix="1" applyFont="1" applyFill="1" applyBorder="1" applyAlignment="1">
      <alignment horizontal="center" vertical="center"/>
    </xf>
    <xf numFmtId="37" fontId="5" fillId="0" borderId="27" xfId="1" quotePrefix="1" applyFont="1" applyFill="1" applyBorder="1" applyAlignment="1" applyProtection="1">
      <alignment horizontal="right"/>
    </xf>
    <xf numFmtId="37" fontId="5" fillId="0" borderId="21" xfId="1" quotePrefix="1" applyFont="1" applyFill="1" applyBorder="1" applyAlignment="1" applyProtection="1">
      <alignment horizontal="left"/>
    </xf>
    <xf numFmtId="37" fontId="5" fillId="0" borderId="4" xfId="1" quotePrefix="1" applyFont="1" applyFill="1" applyBorder="1" applyAlignment="1" applyProtection="1">
      <alignment horizontal="right"/>
    </xf>
    <xf numFmtId="37" fontId="5" fillId="0" borderId="21" xfId="1" quotePrefix="1" applyFont="1" applyFill="1" applyBorder="1" applyAlignment="1" applyProtection="1">
      <alignment horizontal="center"/>
    </xf>
    <xf numFmtId="37" fontId="5" fillId="0" borderId="13" xfId="1" quotePrefix="1" applyFont="1" applyFill="1" applyBorder="1" applyAlignment="1" applyProtection="1">
      <alignment horizontal="left"/>
    </xf>
    <xf numFmtId="37" fontId="5" fillId="0" borderId="28" xfId="1" applyFont="1" applyFill="1" applyBorder="1" applyAlignment="1" applyProtection="1">
      <alignment horizontal="distributed" justifyLastLine="1"/>
    </xf>
    <xf numFmtId="37" fontId="5" fillId="0" borderId="14" xfId="1" quotePrefix="1" applyFont="1" applyFill="1" applyBorder="1" applyAlignment="1" applyProtection="1">
      <alignment horizontal="center" shrinkToFit="1"/>
    </xf>
    <xf numFmtId="37" fontId="5" fillId="0" borderId="21" xfId="1" quotePrefix="1" applyFont="1" applyFill="1" applyBorder="1" applyAlignment="1" applyProtection="1">
      <alignment horizontal="center" shrinkToFit="1"/>
    </xf>
    <xf numFmtId="37" fontId="5" fillId="0" borderId="27" xfId="1" quotePrefix="1" applyFont="1" applyFill="1" applyBorder="1" applyAlignment="1" applyProtection="1">
      <alignment horizontal="center" shrinkToFit="1"/>
    </xf>
    <xf numFmtId="37" fontId="5" fillId="0" borderId="22" xfId="1" applyFont="1" applyFill="1" applyBorder="1" applyAlignment="1" applyProtection="1">
      <alignment horizontal="distributed" vertical="center" justifyLastLine="1"/>
    </xf>
    <xf numFmtId="37" fontId="5" fillId="0" borderId="29" xfId="1" applyFont="1" applyFill="1" applyBorder="1" applyAlignment="1" applyProtection="1">
      <alignment horizontal="distributed" vertical="center" wrapText="1" justifyLastLine="1"/>
    </xf>
    <xf numFmtId="37" fontId="5" fillId="0" borderId="0" xfId="1" quotePrefix="1" applyFont="1" applyFill="1" applyBorder="1" applyAlignment="1" applyProtection="1">
      <alignment horizontal="center"/>
    </xf>
    <xf numFmtId="37" fontId="5" fillId="0" borderId="0" xfId="1" quotePrefix="1" applyFont="1" applyFill="1" applyBorder="1" applyAlignment="1" applyProtection="1">
      <alignment horizontal="right"/>
    </xf>
    <xf numFmtId="49" fontId="5" fillId="0" borderId="21" xfId="1" applyNumberFormat="1" applyFont="1" applyFill="1" applyBorder="1" applyAlignment="1" applyProtection="1">
      <alignment horizontal="left"/>
    </xf>
    <xf numFmtId="37" fontId="5" fillId="0" borderId="33" xfId="1" applyFont="1" applyFill="1" applyBorder="1" applyAlignment="1" applyProtection="1">
      <alignment horizontal="center"/>
    </xf>
    <xf numFmtId="37" fontId="5" fillId="0" borderId="36" xfId="1" applyFont="1" applyFill="1" applyBorder="1" applyAlignment="1" applyProtection="1">
      <alignment horizontal="center"/>
    </xf>
    <xf numFmtId="37" fontId="5" fillId="0" borderId="35" xfId="1" applyFont="1" applyFill="1" applyBorder="1" applyAlignment="1" applyProtection="1">
      <alignment horizontal="right"/>
    </xf>
    <xf numFmtId="37" fontId="5" fillId="0" borderId="25" xfId="1" applyFont="1" applyFill="1" applyBorder="1" applyAlignment="1" applyProtection="1">
      <alignment horizontal="right"/>
    </xf>
    <xf numFmtId="37" fontId="5" fillId="0" borderId="36" xfId="1" applyFont="1" applyFill="1" applyBorder="1" applyAlignment="1" applyProtection="1">
      <alignment horizontal="right"/>
    </xf>
    <xf numFmtId="37" fontId="5" fillId="0" borderId="35" xfId="1" quotePrefix="1" applyFont="1" applyFill="1" applyBorder="1" applyAlignment="1" applyProtection="1">
      <alignment horizontal="right"/>
    </xf>
    <xf numFmtId="37" fontId="5" fillId="0" borderId="38" xfId="1" quotePrefix="1" applyFont="1" applyFill="1" applyBorder="1" applyAlignment="1" applyProtection="1">
      <alignment horizontal="right"/>
    </xf>
    <xf numFmtId="37" fontId="5" fillId="0" borderId="37" xfId="1" applyFont="1" applyFill="1" applyBorder="1" applyAlignment="1" applyProtection="1">
      <alignment horizontal="center"/>
    </xf>
    <xf numFmtId="37" fontId="5" fillId="0" borderId="35" xfId="1" applyFont="1" applyFill="1" applyBorder="1" applyAlignment="1" applyProtection="1">
      <alignment horizontal="center"/>
    </xf>
    <xf numFmtId="37" fontId="5" fillId="0" borderId="36" xfId="1" quotePrefix="1" applyFont="1" applyFill="1" applyBorder="1" applyAlignment="1" applyProtection="1">
      <alignment horizontal="center"/>
    </xf>
    <xf numFmtId="37" fontId="5" fillId="0" borderId="38" xfId="1" quotePrefix="1" applyFont="1" applyFill="1" applyBorder="1" applyAlignment="1" applyProtection="1">
      <alignment horizontal="center"/>
    </xf>
    <xf numFmtId="37" fontId="5" fillId="0" borderId="36" xfId="1" quotePrefix="1" applyFont="1" applyFill="1" applyBorder="1" applyAlignment="1" applyProtection="1">
      <alignment horizontal="right"/>
    </xf>
    <xf numFmtId="37" fontId="5" fillId="0" borderId="33" xfId="1" quotePrefix="1" applyFont="1" applyFill="1" applyBorder="1" applyAlignment="1">
      <alignment horizontal="right" vertical="center"/>
    </xf>
    <xf numFmtId="37" fontId="5" fillId="0" borderId="44" xfId="1" applyFont="1" applyBorder="1" applyProtection="1"/>
    <xf numFmtId="37" fontId="5" fillId="0" borderId="12" xfId="1" applyFont="1" applyBorder="1" applyProtection="1"/>
    <xf numFmtId="37" fontId="7" fillId="0" borderId="45" xfId="1" applyFont="1" applyBorder="1" applyAlignment="1" applyProtection="1">
      <alignment horizontal="left"/>
    </xf>
    <xf numFmtId="176" fontId="5" fillId="0" borderId="45" xfId="1" applyNumberFormat="1" applyFont="1" applyBorder="1" applyProtection="1"/>
    <xf numFmtId="37" fontId="5" fillId="0" borderId="46" xfId="1" applyFont="1" applyBorder="1" applyProtection="1"/>
    <xf numFmtId="176" fontId="5" fillId="0" borderId="20" xfId="1" applyNumberFormat="1" applyFont="1" applyBorder="1" applyProtection="1"/>
    <xf numFmtId="177" fontId="5" fillId="0" borderId="13" xfId="1" applyNumberFormat="1" applyFont="1" applyBorder="1" applyProtection="1"/>
    <xf numFmtId="37" fontId="5" fillId="0" borderId="46" xfId="1" applyNumberFormat="1" applyFont="1" applyBorder="1" applyProtection="1"/>
    <xf numFmtId="176" fontId="5" fillId="0" borderId="48" xfId="1" applyNumberFormat="1" applyFont="1" applyBorder="1" applyProtection="1"/>
    <xf numFmtId="176" fontId="5" fillId="0" borderId="46" xfId="1" applyNumberFormat="1" applyFont="1" applyBorder="1" applyProtection="1"/>
    <xf numFmtId="37" fontId="5" fillId="0" borderId="19" xfId="1" applyFont="1" applyBorder="1" applyProtection="1"/>
    <xf numFmtId="37" fontId="5" fillId="0" borderId="19" xfId="1" applyNumberFormat="1" applyFont="1" applyBorder="1" applyProtection="1"/>
    <xf numFmtId="176" fontId="5" fillId="0" borderId="19" xfId="1" applyNumberFormat="1" applyFont="1" applyBorder="1" applyProtection="1"/>
    <xf numFmtId="10" fontId="5" fillId="0" borderId="45" xfId="1" applyNumberFormat="1" applyFont="1" applyBorder="1" applyProtection="1"/>
    <xf numFmtId="10" fontId="5" fillId="0" borderId="20" xfId="1" applyNumberFormat="1" applyFont="1" applyBorder="1" applyProtection="1"/>
    <xf numFmtId="10" fontId="5" fillId="0" borderId="19" xfId="1" applyNumberFormat="1" applyFont="1" applyBorder="1" applyProtection="1"/>
    <xf numFmtId="10" fontId="5" fillId="0" borderId="48" xfId="1" applyNumberFormat="1" applyFont="1" applyBorder="1" applyProtection="1"/>
    <xf numFmtId="177" fontId="5" fillId="0" borderId="26" xfId="1" applyNumberFormat="1" applyFont="1" applyBorder="1" applyProtection="1"/>
    <xf numFmtId="177" fontId="5" fillId="0" borderId="45" xfId="1" applyNumberFormat="1" applyFont="1" applyBorder="1" applyProtection="1"/>
    <xf numFmtId="177" fontId="5" fillId="0" borderId="19" xfId="1" applyNumberFormat="1" applyFont="1" applyBorder="1" applyAlignment="1">
      <alignment horizontal="right"/>
    </xf>
    <xf numFmtId="177" fontId="5" fillId="0" borderId="49" xfId="1" applyNumberFormat="1" applyFont="1" applyBorder="1" applyAlignment="1">
      <alignment horizontal="right"/>
    </xf>
    <xf numFmtId="177" fontId="5" fillId="0" borderId="48" xfId="1" applyNumberFormat="1" applyFont="1" applyBorder="1" applyAlignment="1">
      <alignment horizontal="right"/>
    </xf>
    <xf numFmtId="177" fontId="5" fillId="0" borderId="44" xfId="1" applyNumberFormat="1" applyFont="1" applyBorder="1" applyAlignment="1">
      <alignment horizontal="right"/>
    </xf>
    <xf numFmtId="176" fontId="5" fillId="0" borderId="50" xfId="1" applyNumberFormat="1" applyFont="1" applyBorder="1" applyProtection="1"/>
    <xf numFmtId="176" fontId="5" fillId="0" borderId="13" xfId="1" applyNumberFormat="1" applyFont="1" applyBorder="1" applyProtection="1"/>
    <xf numFmtId="177" fontId="5" fillId="0" borderId="3" xfId="1" applyNumberFormat="1" applyFont="1" applyBorder="1" applyProtection="1"/>
    <xf numFmtId="176" fontId="5" fillId="0" borderId="2" xfId="1" applyNumberFormat="1" applyFont="1" applyBorder="1" applyProtection="1"/>
    <xf numFmtId="176" fontId="5" fillId="0" borderId="3" xfId="1" applyNumberFormat="1" applyFont="1" applyBorder="1" applyProtection="1"/>
    <xf numFmtId="177" fontId="5" fillId="0" borderId="31" xfId="1" applyNumberFormat="1" applyFont="1" applyBorder="1" applyProtection="1"/>
    <xf numFmtId="177" fontId="5" fillId="0" borderId="17" xfId="1" applyNumberFormat="1" applyFont="1" applyBorder="1" applyAlignment="1">
      <alignment horizontal="right"/>
    </xf>
    <xf numFmtId="177" fontId="5" fillId="0" borderId="51" xfId="1" applyNumberFormat="1" applyFont="1" applyBorder="1" applyAlignment="1">
      <alignment horizontal="right"/>
    </xf>
    <xf numFmtId="177" fontId="5" fillId="0" borderId="16" xfId="1" applyNumberFormat="1" applyFont="1" applyBorder="1" applyAlignment="1">
      <alignment horizontal="right"/>
    </xf>
    <xf numFmtId="176" fontId="5" fillId="0" borderId="52" xfId="1" applyNumberFormat="1" applyFont="1" applyBorder="1" applyProtection="1"/>
    <xf numFmtId="37" fontId="5" fillId="0" borderId="15" xfId="1" applyFont="1" applyBorder="1" applyProtection="1"/>
    <xf numFmtId="176" fontId="5" fillId="0" borderId="31" xfId="1" applyNumberFormat="1" applyFont="1" applyBorder="1" applyProtection="1"/>
    <xf numFmtId="177" fontId="5" fillId="0" borderId="15" xfId="1" applyNumberFormat="1" applyFont="1" applyBorder="1" applyAlignment="1">
      <alignment horizontal="right"/>
    </xf>
    <xf numFmtId="177" fontId="5" fillId="0" borderId="20" xfId="1" applyNumberFormat="1" applyFont="1" applyBorder="1" applyProtection="1"/>
    <xf numFmtId="37" fontId="5" fillId="0" borderId="15" xfId="1" quotePrefix="1" applyFont="1" applyBorder="1" applyProtection="1"/>
    <xf numFmtId="37" fontId="5" fillId="0" borderId="46" xfId="1" quotePrefix="1" applyFont="1" applyBorder="1" applyProtection="1"/>
    <xf numFmtId="37" fontId="5" fillId="0" borderId="19" xfId="1" quotePrefix="1" applyFont="1" applyBorder="1" applyProtection="1"/>
    <xf numFmtId="37" fontId="5" fillId="0" borderId="53" xfId="1" applyFont="1" applyBorder="1" applyProtection="1"/>
    <xf numFmtId="37" fontId="5" fillId="0" borderId="34" xfId="1" applyFont="1" applyBorder="1" applyProtection="1"/>
    <xf numFmtId="37" fontId="7" fillId="0" borderId="37" xfId="1" applyFont="1" applyBorder="1" applyAlignment="1" applyProtection="1">
      <alignment horizontal="left"/>
    </xf>
    <xf numFmtId="176" fontId="5" fillId="0" borderId="42" xfId="1" applyNumberFormat="1" applyFont="1" applyBorder="1" applyProtection="1"/>
    <xf numFmtId="37" fontId="5" fillId="0" borderId="25" xfId="1" applyFont="1" applyBorder="1" applyProtection="1"/>
    <xf numFmtId="177" fontId="5" fillId="0" borderId="55" xfId="1" applyNumberFormat="1" applyFont="1" applyBorder="1" applyProtection="1"/>
    <xf numFmtId="37" fontId="5" fillId="0" borderId="25" xfId="1" applyNumberFormat="1" applyFont="1" applyBorder="1" applyProtection="1"/>
    <xf numFmtId="176" fontId="5" fillId="0" borderId="55" xfId="1" applyNumberFormat="1" applyFont="1" applyBorder="1" applyProtection="1"/>
    <xf numFmtId="176" fontId="5" fillId="0" borderId="28" xfId="1" applyNumberFormat="1" applyFont="1" applyBorder="1" applyProtection="1"/>
    <xf numFmtId="176" fontId="5" fillId="0" borderId="56" xfId="1" applyNumberFormat="1" applyFont="1" applyBorder="1" applyProtection="1"/>
    <xf numFmtId="37" fontId="5" fillId="0" borderId="36" xfId="1" applyFont="1" applyBorder="1" applyProtection="1"/>
    <xf numFmtId="37" fontId="5" fillId="0" borderId="36" xfId="1" applyNumberFormat="1" applyFont="1" applyBorder="1" applyProtection="1"/>
    <xf numFmtId="176" fontId="5" fillId="0" borderId="54" xfId="1" applyNumberFormat="1" applyFont="1" applyBorder="1" applyProtection="1"/>
    <xf numFmtId="10" fontId="5" fillId="0" borderId="42" xfId="1" applyNumberFormat="1" applyFont="1" applyBorder="1" applyProtection="1"/>
    <xf numFmtId="10" fontId="5" fillId="0" borderId="55" xfId="1" applyNumberFormat="1" applyFont="1" applyBorder="1" applyProtection="1"/>
    <xf numFmtId="10" fontId="5" fillId="0" borderId="54" xfId="1" applyNumberFormat="1" applyFont="1" applyBorder="1" applyProtection="1"/>
    <xf numFmtId="10" fontId="5" fillId="0" borderId="57" xfId="1" applyNumberFormat="1" applyFont="1" applyBorder="1" applyProtection="1"/>
    <xf numFmtId="177" fontId="5" fillId="0" borderId="42" xfId="1" applyNumberFormat="1" applyFont="1" applyBorder="1" applyProtection="1"/>
    <xf numFmtId="177" fontId="5" fillId="0" borderId="37" xfId="1" applyNumberFormat="1" applyFont="1" applyBorder="1" applyProtection="1"/>
    <xf numFmtId="177" fontId="5" fillId="0" borderId="54" xfId="1" applyNumberFormat="1" applyFont="1" applyBorder="1" applyAlignment="1">
      <alignment horizontal="right"/>
    </xf>
    <xf numFmtId="177" fontId="5" fillId="0" borderId="34" xfId="1" applyNumberFormat="1" applyFont="1" applyBorder="1" applyAlignment="1">
      <alignment horizontal="right"/>
    </xf>
    <xf numFmtId="177" fontId="5" fillId="0" borderId="38" xfId="1" applyNumberFormat="1" applyFont="1" applyBorder="1" applyAlignment="1">
      <alignment horizontal="right"/>
    </xf>
    <xf numFmtId="177" fontId="5" fillId="0" borderId="53" xfId="1" applyNumberFormat="1" applyFont="1" applyBorder="1" applyAlignment="1">
      <alignment horizontal="right"/>
    </xf>
    <xf numFmtId="176" fontId="5" fillId="0" borderId="58" xfId="1" applyNumberFormat="1" applyFont="1" applyBorder="1" applyProtection="1"/>
    <xf numFmtId="176" fontId="5" fillId="0" borderId="59" xfId="1" applyNumberFormat="1" applyFont="1" applyBorder="1" applyProtection="1"/>
    <xf numFmtId="176" fontId="5" fillId="0" borderId="60" xfId="1" applyNumberFormat="1" applyFont="1" applyBorder="1" applyProtection="1"/>
    <xf numFmtId="176" fontId="5" fillId="0" borderId="61" xfId="1" applyNumberFormat="1" applyFont="1" applyBorder="1" applyProtection="1"/>
    <xf numFmtId="177" fontId="5" fillId="0" borderId="62" xfId="1" applyNumberFormat="1" applyFont="1" applyBorder="1" applyAlignment="1">
      <alignment horizontal="right"/>
    </xf>
    <xf numFmtId="177" fontId="5" fillId="0" borderId="60" xfId="1" applyNumberFormat="1" applyFont="1" applyBorder="1" applyAlignment="1">
      <alignment horizontal="right"/>
    </xf>
    <xf numFmtId="177" fontId="5" fillId="0" borderId="63" xfId="1" applyNumberFormat="1" applyFont="1" applyBorder="1" applyAlignment="1">
      <alignment horizontal="right"/>
    </xf>
    <xf numFmtId="176" fontId="5" fillId="0" borderId="47" xfId="1" applyNumberFormat="1" applyFont="1" applyBorder="1" applyProtection="1"/>
    <xf numFmtId="37" fontId="5" fillId="0" borderId="15" xfId="1" applyNumberFormat="1" applyFont="1" applyBorder="1" applyProtection="1"/>
    <xf numFmtId="37" fontId="5" fillId="0" borderId="54" xfId="1" applyFont="1" applyBorder="1" applyProtection="1"/>
    <xf numFmtId="37" fontId="5" fillId="0" borderId="56" xfId="1" applyNumberFormat="1" applyFont="1" applyBorder="1" applyProtection="1"/>
    <xf numFmtId="177" fontId="5" fillId="0" borderId="64" xfId="1" applyNumberFormat="1" applyFont="1" applyBorder="1" applyAlignment="1">
      <alignment horizontal="right"/>
    </xf>
    <xf numFmtId="37" fontId="5" fillId="0" borderId="54" xfId="1" applyNumberFormat="1" applyFont="1" applyBorder="1" applyProtection="1"/>
    <xf numFmtId="37" fontId="5" fillId="0" borderId="45" xfId="1" applyFont="1" applyBorder="1" applyAlignment="1" applyProtection="1">
      <alignment horizontal="left"/>
    </xf>
    <xf numFmtId="177" fontId="5" fillId="0" borderId="52" xfId="1" applyNumberFormat="1" applyFont="1" applyBorder="1" applyAlignment="1">
      <alignment horizontal="right"/>
    </xf>
    <xf numFmtId="37" fontId="5" fillId="0" borderId="11" xfId="1" applyFont="1" applyBorder="1" applyProtection="1"/>
    <xf numFmtId="37" fontId="5" fillId="0" borderId="37" xfId="1" applyFont="1" applyBorder="1" applyAlignment="1" applyProtection="1">
      <alignment horizontal="left"/>
    </xf>
    <xf numFmtId="176" fontId="5" fillId="0" borderId="26" xfId="1" applyNumberFormat="1" applyFont="1" applyBorder="1" applyProtection="1"/>
    <xf numFmtId="10" fontId="5" fillId="0" borderId="26" xfId="1" applyNumberFormat="1" applyFont="1" applyBorder="1" applyProtection="1"/>
    <xf numFmtId="10" fontId="5" fillId="0" borderId="13" xfId="1" applyNumberFormat="1" applyFont="1" applyBorder="1" applyProtection="1"/>
    <xf numFmtId="10" fontId="5" fillId="0" borderId="27" xfId="1" applyNumberFormat="1" applyFont="1" applyBorder="1" applyProtection="1"/>
    <xf numFmtId="10" fontId="5" fillId="0" borderId="28" xfId="1" applyNumberFormat="1" applyFont="1" applyBorder="1" applyProtection="1"/>
    <xf numFmtId="177" fontId="5" fillId="0" borderId="58" xfId="1" applyNumberFormat="1" applyFont="1" applyBorder="1" applyAlignment="1">
      <alignment horizontal="right"/>
    </xf>
    <xf numFmtId="177" fontId="5" fillId="0" borderId="57" xfId="1" applyNumberFormat="1" applyFont="1" applyBorder="1" applyAlignment="1">
      <alignment horizontal="right"/>
    </xf>
    <xf numFmtId="177" fontId="5" fillId="0" borderId="65" xfId="1" applyNumberFormat="1" applyFont="1" applyBorder="1" applyAlignment="1">
      <alignment horizontal="right"/>
    </xf>
    <xf numFmtId="37" fontId="8" fillId="0" borderId="0" xfId="1" applyFont="1"/>
    <xf numFmtId="37" fontId="8" fillId="0" borderId="0" xfId="1" applyFont="1" applyAlignment="1">
      <alignment horizontal="right"/>
    </xf>
    <xf numFmtId="37" fontId="8" fillId="0" borderId="0" xfId="1" applyFont="1" applyBorder="1"/>
    <xf numFmtId="37" fontId="8" fillId="0" borderId="0" xfId="1" applyFont="1" applyBorder="1" applyAlignment="1">
      <alignment horizontal="right"/>
    </xf>
    <xf numFmtId="37" fontId="2" fillId="0" borderId="0" xfId="1" applyFont="1" applyAlignment="1" applyProtection="1">
      <alignment horizontal="left"/>
    </xf>
    <xf numFmtId="37" fontId="5" fillId="0" borderId="66" xfId="1" applyFont="1" applyFill="1" applyBorder="1" applyProtection="1"/>
    <xf numFmtId="176" fontId="5" fillId="0" borderId="69" xfId="1" applyNumberFormat="1" applyFont="1" applyFill="1" applyBorder="1" applyProtection="1"/>
    <xf numFmtId="37" fontId="5" fillId="0" borderId="25" xfId="1" applyFont="1" applyFill="1" applyBorder="1" applyProtection="1"/>
    <xf numFmtId="176" fontId="5" fillId="0" borderId="35" xfId="1" applyNumberFormat="1" applyFont="1" applyFill="1" applyBorder="1" applyProtection="1"/>
    <xf numFmtId="177" fontId="5" fillId="0" borderId="35" xfId="1" applyNumberFormat="1" applyFont="1" applyFill="1" applyBorder="1" applyProtection="1"/>
    <xf numFmtId="176" fontId="5" fillId="0" borderId="59" xfId="1" applyNumberFormat="1" applyFont="1" applyFill="1" applyBorder="1" applyProtection="1"/>
    <xf numFmtId="176" fontId="5" fillId="0" borderId="72" xfId="1" applyNumberFormat="1" applyFont="1" applyFill="1" applyBorder="1" applyProtection="1"/>
    <xf numFmtId="176" fontId="5" fillId="0" borderId="71" xfId="1" applyNumberFormat="1" applyFont="1" applyFill="1" applyBorder="1" applyProtection="1"/>
    <xf numFmtId="37" fontId="5" fillId="0" borderId="68" xfId="1" applyFont="1" applyFill="1" applyBorder="1" applyProtection="1"/>
    <xf numFmtId="176" fontId="5" fillId="0" borderId="59" xfId="1" applyNumberFormat="1" applyFont="1" applyFill="1" applyBorder="1" applyAlignment="1" applyProtection="1">
      <alignment horizontal="right"/>
    </xf>
    <xf numFmtId="176" fontId="5" fillId="0" borderId="74" xfId="1" applyNumberFormat="1" applyFont="1" applyFill="1" applyBorder="1" applyProtection="1"/>
    <xf numFmtId="10" fontId="5" fillId="0" borderId="69" xfId="1" applyNumberFormat="1" applyFont="1" applyFill="1" applyBorder="1" applyProtection="1"/>
    <xf numFmtId="10" fontId="5" fillId="0" borderId="40" xfId="1" applyNumberFormat="1" applyFont="1" applyFill="1" applyBorder="1" applyProtection="1"/>
    <xf numFmtId="10" fontId="5" fillId="0" borderId="68" xfId="1" applyNumberFormat="1" applyFont="1" applyFill="1" applyBorder="1" applyProtection="1"/>
    <xf numFmtId="10" fontId="5" fillId="0" borderId="72" xfId="1" applyNumberFormat="1" applyFont="1" applyFill="1" applyBorder="1" applyProtection="1"/>
    <xf numFmtId="176" fontId="5" fillId="0" borderId="73" xfId="1" applyNumberFormat="1" applyFont="1" applyFill="1" applyBorder="1" applyProtection="1"/>
    <xf numFmtId="177" fontId="5" fillId="0" borderId="73" xfId="1" applyNumberFormat="1" applyFont="1" applyFill="1" applyBorder="1" applyProtection="1"/>
    <xf numFmtId="177" fontId="5" fillId="0" borderId="26" xfId="1" applyNumberFormat="1" applyFont="1" applyFill="1" applyBorder="1" applyProtection="1"/>
    <xf numFmtId="177" fontId="5" fillId="0" borderId="74" xfId="1" applyNumberFormat="1" applyFont="1" applyFill="1" applyBorder="1" applyProtection="1"/>
    <xf numFmtId="177" fontId="5" fillId="0" borderId="75" xfId="1" applyNumberFormat="1" applyFont="1" applyFill="1" applyBorder="1" applyProtection="1"/>
    <xf numFmtId="177" fontId="5" fillId="0" borderId="76" xfId="1" applyNumberFormat="1" applyFont="1" applyFill="1" applyBorder="1" applyProtection="1"/>
    <xf numFmtId="177" fontId="5" fillId="0" borderId="53" xfId="1" applyNumberFormat="1" applyFont="1" applyFill="1" applyBorder="1" applyAlignment="1">
      <alignment horizontal="right"/>
    </xf>
    <xf numFmtId="176" fontId="5" fillId="0" borderId="40" xfId="1" applyNumberFormat="1" applyFont="1" applyFill="1" applyBorder="1" applyProtection="1"/>
    <xf numFmtId="37" fontId="5" fillId="0" borderId="36" xfId="1" applyFont="1" applyFill="1" applyBorder="1" applyProtection="1"/>
    <xf numFmtId="176" fontId="5" fillId="0" borderId="77" xfId="1" applyNumberFormat="1" applyFont="1" applyFill="1" applyBorder="1" applyProtection="1"/>
    <xf numFmtId="176" fontId="5" fillId="0" borderId="13" xfId="1" applyNumberFormat="1" applyFont="1" applyFill="1" applyBorder="1" applyProtection="1"/>
    <xf numFmtId="37" fontId="5" fillId="0" borderId="0" xfId="1" applyFont="1" applyFill="1"/>
    <xf numFmtId="176" fontId="5" fillId="0" borderId="37" xfId="1" applyNumberFormat="1" applyFont="1" applyFill="1" applyBorder="1" applyProtection="1"/>
    <xf numFmtId="176" fontId="5" fillId="0" borderId="38" xfId="1" applyNumberFormat="1" applyFont="1" applyFill="1" applyBorder="1" applyProtection="1"/>
    <xf numFmtId="176" fontId="5" fillId="0" borderId="70" xfId="1" applyNumberFormat="1" applyFont="1" applyFill="1" applyBorder="1" applyProtection="1"/>
    <xf numFmtId="176" fontId="5" fillId="0" borderId="40" xfId="1" applyNumberFormat="1" applyFont="1" applyFill="1" applyBorder="1" applyAlignment="1" applyProtection="1">
      <alignment horizontal="right"/>
    </xf>
    <xf numFmtId="176" fontId="5" fillId="0" borderId="68" xfId="1" applyNumberFormat="1" applyFont="1" applyFill="1" applyBorder="1" applyProtection="1"/>
    <xf numFmtId="10" fontId="5" fillId="0" borderId="26" xfId="1" applyNumberFormat="1" applyFont="1" applyFill="1" applyBorder="1" applyProtection="1"/>
    <xf numFmtId="10" fontId="5" fillId="0" borderId="13" xfId="1" applyNumberFormat="1" applyFont="1" applyFill="1" applyBorder="1" applyProtection="1"/>
    <xf numFmtId="10" fontId="5" fillId="0" borderId="27" xfId="1" applyNumberFormat="1" applyFont="1" applyFill="1" applyBorder="1" applyProtection="1"/>
    <xf numFmtId="10" fontId="5" fillId="0" borderId="28" xfId="1" applyNumberFormat="1" applyFont="1" applyFill="1" applyBorder="1" applyProtection="1"/>
    <xf numFmtId="177" fontId="5" fillId="0" borderId="69" xfId="1" applyNumberFormat="1" applyFont="1" applyFill="1" applyBorder="1" applyProtection="1"/>
    <xf numFmtId="177" fontId="5" fillId="0" borderId="68" xfId="1" applyNumberFormat="1" applyFont="1" applyFill="1" applyBorder="1" applyProtection="1"/>
    <xf numFmtId="177" fontId="5" fillId="0" borderId="77" xfId="1" applyNumberFormat="1" applyFont="1" applyFill="1" applyBorder="1" applyProtection="1"/>
    <xf numFmtId="177" fontId="5" fillId="0" borderId="72" xfId="1" applyNumberFormat="1" applyFont="1" applyFill="1" applyBorder="1" applyProtection="1"/>
    <xf numFmtId="177" fontId="5" fillId="0" borderId="53" xfId="1" applyNumberFormat="1" applyFont="1" applyFill="1" applyBorder="1" applyAlignment="1"/>
    <xf numFmtId="176" fontId="5" fillId="0" borderId="41" xfId="1" applyNumberFormat="1" applyFont="1" applyFill="1" applyBorder="1" applyProtection="1"/>
    <xf numFmtId="37" fontId="5" fillId="0" borderId="78" xfId="1" applyFont="1" applyFill="1" applyBorder="1" applyProtection="1"/>
    <xf numFmtId="176" fontId="5" fillId="0" borderId="81" xfId="1" applyNumberFormat="1" applyFont="1" applyFill="1" applyBorder="1" applyProtection="1"/>
    <xf numFmtId="37" fontId="5" fillId="0" borderId="1" xfId="1" applyFont="1" applyFill="1" applyBorder="1" applyProtection="1"/>
    <xf numFmtId="176" fontId="5" fillId="0" borderId="80" xfId="1" applyNumberFormat="1" applyFont="1" applyFill="1" applyBorder="1" applyProtection="1"/>
    <xf numFmtId="177" fontId="5" fillId="0" borderId="80" xfId="1" applyNumberFormat="1" applyFont="1" applyFill="1" applyBorder="1" applyProtection="1"/>
    <xf numFmtId="176" fontId="5" fillId="0" borderId="83" xfId="1" applyNumberFormat="1" applyFont="1" applyFill="1" applyBorder="1" applyAlignment="1" applyProtection="1">
      <alignment horizontal="right"/>
    </xf>
    <xf numFmtId="176" fontId="5" fillId="0" borderId="84" xfId="1" applyNumberFormat="1" applyFont="1" applyFill="1" applyBorder="1" applyAlignment="1" applyProtection="1">
      <alignment horizontal="right"/>
    </xf>
    <xf numFmtId="176" fontId="5" fillId="0" borderId="85" xfId="1" applyNumberFormat="1" applyFont="1" applyFill="1" applyBorder="1" applyProtection="1"/>
    <xf numFmtId="176" fontId="5" fillId="0" borderId="1" xfId="1" applyNumberFormat="1" applyFont="1" applyFill="1" applyBorder="1" applyProtection="1"/>
    <xf numFmtId="37" fontId="5" fillId="0" borderId="5" xfId="1" applyFont="1" applyFill="1" applyBorder="1" applyProtection="1"/>
    <xf numFmtId="176" fontId="5" fillId="0" borderId="80" xfId="1" applyNumberFormat="1" applyFont="1" applyFill="1" applyBorder="1" applyAlignment="1" applyProtection="1">
      <alignment horizontal="right"/>
    </xf>
    <xf numFmtId="176" fontId="5" fillId="0" borderId="5" xfId="1" applyNumberFormat="1" applyFont="1" applyFill="1" applyBorder="1" applyProtection="1"/>
    <xf numFmtId="10" fontId="5" fillId="0" borderId="82" xfId="1" applyNumberFormat="1" applyFont="1" applyFill="1" applyBorder="1" applyProtection="1"/>
    <xf numFmtId="10" fontId="5" fillId="0" borderId="84" xfId="1" applyNumberFormat="1" applyFont="1" applyFill="1" applyBorder="1" applyProtection="1"/>
    <xf numFmtId="10" fontId="5" fillId="0" borderId="83" xfId="1" applyNumberFormat="1" applyFont="1" applyFill="1" applyBorder="1" applyProtection="1"/>
    <xf numFmtId="10" fontId="5" fillId="0" borderId="86" xfId="1" applyNumberFormat="1" applyFont="1" applyFill="1" applyBorder="1" applyProtection="1"/>
    <xf numFmtId="177" fontId="5" fillId="0" borderId="81" xfId="1" applyNumberFormat="1" applyFont="1" applyFill="1" applyBorder="1" applyProtection="1"/>
    <xf numFmtId="177" fontId="5" fillId="0" borderId="5" xfId="1" applyNumberFormat="1" applyFont="1" applyFill="1" applyBorder="1" applyProtection="1"/>
    <xf numFmtId="177" fontId="5" fillId="0" borderId="87" xfId="1" applyNumberFormat="1" applyFont="1" applyFill="1" applyBorder="1" applyProtection="1"/>
    <xf numFmtId="177" fontId="5" fillId="0" borderId="85" xfId="1" applyNumberFormat="1" applyFont="1" applyFill="1" applyBorder="1" applyProtection="1"/>
    <xf numFmtId="177" fontId="5" fillId="0" borderId="88" xfId="1" applyNumberFormat="1" applyFont="1" applyFill="1" applyBorder="1" applyAlignment="1">
      <alignment horizontal="right"/>
    </xf>
    <xf numFmtId="176" fontId="5" fillId="0" borderId="87" xfId="1" applyNumberFormat="1" applyFont="1" applyFill="1" applyBorder="1" applyProtection="1"/>
    <xf numFmtId="37" fontId="5" fillId="0" borderId="79" xfId="1" applyFont="1" applyFill="1" applyBorder="1" applyAlignment="1" applyProtection="1">
      <alignment horizontal="distributed" justifyLastLine="1"/>
    </xf>
    <xf numFmtId="0" fontId="2" fillId="0" borderId="80" xfId="0" applyFont="1" applyFill="1" applyBorder="1" applyAlignment="1">
      <alignment horizontal="distributed" justifyLastLine="1"/>
    </xf>
    <xf numFmtId="37" fontId="5" fillId="0" borderId="39" xfId="1" applyFont="1" applyFill="1" applyBorder="1" applyAlignment="1" applyProtection="1">
      <alignment horizontal="distributed" justifyLastLine="1"/>
    </xf>
    <xf numFmtId="0" fontId="2" fillId="0" borderId="40" xfId="0" applyFont="1" applyFill="1" applyBorder="1" applyAlignment="1">
      <alignment horizontal="distributed" justifyLastLine="1"/>
    </xf>
    <xf numFmtId="37" fontId="5" fillId="0" borderId="67" xfId="1" applyFont="1" applyFill="1" applyBorder="1" applyAlignment="1" applyProtection="1">
      <alignment horizontal="distributed" justifyLastLine="1"/>
    </xf>
    <xf numFmtId="0" fontId="2" fillId="0" borderId="59" xfId="0" applyFont="1" applyFill="1" applyBorder="1" applyAlignment="1">
      <alignment horizontal="distributed" justifyLastLine="1"/>
    </xf>
    <xf numFmtId="37" fontId="5" fillId="0" borderId="14" xfId="1" quotePrefix="1" applyFont="1" applyFill="1" applyBorder="1" applyAlignment="1" applyProtection="1">
      <alignment horizontal="center" vertical="center"/>
    </xf>
    <xf numFmtId="37" fontId="5" fillId="0" borderId="37" xfId="1" quotePrefix="1" applyFont="1" applyFill="1" applyBorder="1" applyAlignment="1" applyProtection="1">
      <alignment horizontal="center" vertical="center"/>
    </xf>
    <xf numFmtId="37" fontId="5" fillId="0" borderId="22" xfId="1" applyFont="1" applyFill="1" applyBorder="1" applyAlignment="1" applyProtection="1">
      <alignment horizontal="distributed" vertical="center" justifyLastLine="1"/>
    </xf>
    <xf numFmtId="37" fontId="5" fillId="0" borderId="36" xfId="1" applyFont="1" applyFill="1" applyBorder="1" applyAlignment="1" applyProtection="1">
      <alignment horizontal="distributed" vertical="center" justifyLastLine="1"/>
    </xf>
    <xf numFmtId="37" fontId="6" fillId="0" borderId="23" xfId="1" applyFont="1" applyFill="1" applyBorder="1" applyAlignment="1" applyProtection="1">
      <alignment horizontal="distributed" vertical="center" wrapText="1" justifyLastLine="1"/>
    </xf>
    <xf numFmtId="0" fontId="6" fillId="0" borderId="41" xfId="0" applyFont="1" applyFill="1" applyBorder="1" applyAlignment="1">
      <alignment horizontal="distributed" vertical="center" wrapText="1" justifyLastLine="1"/>
    </xf>
    <xf numFmtId="37" fontId="5" fillId="0" borderId="29" xfId="1" applyFont="1" applyFill="1" applyBorder="1" applyAlignment="1" applyProtection="1">
      <alignment horizontal="distributed" vertical="center" wrapText="1" justifyLastLine="1"/>
    </xf>
    <xf numFmtId="0" fontId="5" fillId="0" borderId="38" xfId="0" applyFont="1" applyFill="1" applyBorder="1" applyAlignment="1">
      <alignment horizontal="distributed" vertical="center" wrapText="1" justifyLastLine="1"/>
    </xf>
    <xf numFmtId="37" fontId="5" fillId="0" borderId="4" xfId="1" quotePrefix="1" applyFont="1" applyFill="1" applyBorder="1" applyAlignment="1" applyProtection="1">
      <alignment horizontal="right" vertical="center"/>
    </xf>
    <xf numFmtId="37" fontId="5" fillId="0" borderId="25" xfId="1" quotePrefix="1" applyFont="1" applyFill="1" applyBorder="1" applyAlignment="1" applyProtection="1">
      <alignment horizontal="right" vertical="center"/>
    </xf>
    <xf numFmtId="37" fontId="5" fillId="0" borderId="21" xfId="1" quotePrefix="1" applyFont="1" applyFill="1" applyBorder="1" applyAlignment="1" applyProtection="1">
      <alignment horizontal="left" vertical="center"/>
    </xf>
    <xf numFmtId="37" fontId="5" fillId="0" borderId="35" xfId="1" quotePrefix="1" applyFont="1" applyFill="1" applyBorder="1" applyAlignment="1" applyProtection="1">
      <alignment horizontal="left" vertical="center"/>
    </xf>
    <xf numFmtId="37" fontId="5" fillId="0" borderId="22" xfId="1" quotePrefix="1" applyFont="1" applyFill="1" applyBorder="1" applyAlignment="1" applyProtection="1">
      <alignment horizontal="right" vertical="center"/>
    </xf>
    <xf numFmtId="0" fontId="5" fillId="0" borderId="36" xfId="0" applyFont="1" applyFill="1" applyBorder="1" applyAlignment="1">
      <alignment horizontal="right" vertical="center"/>
    </xf>
    <xf numFmtId="37" fontId="5" fillId="0" borderId="21" xfId="1" quotePrefix="1" applyFont="1" applyFill="1" applyBorder="1" applyAlignment="1" applyProtection="1">
      <alignment horizontal="center" vertical="center"/>
    </xf>
    <xf numFmtId="37" fontId="5" fillId="0" borderId="35" xfId="1" quotePrefix="1" applyFont="1" applyFill="1" applyBorder="1" applyAlignment="1" applyProtection="1">
      <alignment horizontal="center" vertical="center"/>
    </xf>
    <xf numFmtId="37" fontId="5" fillId="0" borderId="14" xfId="1" applyFont="1" applyFill="1" applyBorder="1" applyAlignment="1" applyProtection="1">
      <alignment horizontal="distributed" vertical="center" justifyLastLine="1"/>
    </xf>
    <xf numFmtId="37" fontId="5" fillId="0" borderId="37" xfId="1" applyFont="1" applyFill="1" applyBorder="1" applyAlignment="1" applyProtection="1">
      <alignment horizontal="distributed" vertical="center" justifyLastLine="1"/>
    </xf>
    <xf numFmtId="37" fontId="5" fillId="0" borderId="22" xfId="1" quotePrefix="1" applyFont="1" applyFill="1" applyBorder="1" applyAlignment="1" applyProtection="1">
      <alignment horizontal="center" vertical="center"/>
    </xf>
    <xf numFmtId="37" fontId="5" fillId="0" borderId="36" xfId="1" quotePrefix="1" applyFont="1" applyFill="1" applyBorder="1" applyAlignment="1" applyProtection="1">
      <alignment horizontal="center" vertical="center"/>
    </xf>
    <xf numFmtId="37" fontId="5" fillId="0" borderId="23" xfId="1" applyFont="1" applyFill="1" applyBorder="1" applyAlignment="1" applyProtection="1">
      <alignment horizontal="center" vertical="center" wrapText="1"/>
    </xf>
    <xf numFmtId="0" fontId="5" fillId="0" borderId="41" xfId="0" applyFont="1" applyFill="1" applyBorder="1" applyAlignment="1">
      <alignment horizontal="center" vertical="center" wrapText="1"/>
    </xf>
    <xf numFmtId="0" fontId="5" fillId="0" borderId="36" xfId="0" applyFont="1" applyFill="1" applyBorder="1" applyAlignment="1">
      <alignment vertical="center"/>
    </xf>
    <xf numFmtId="37" fontId="6" fillId="0" borderId="30" xfId="1" applyFont="1" applyFill="1" applyBorder="1" applyAlignment="1" applyProtection="1">
      <alignment horizontal="distributed" vertical="center" wrapText="1" justifyLastLine="1"/>
    </xf>
    <xf numFmtId="37" fontId="6" fillId="0" borderId="41" xfId="1" applyFont="1" applyFill="1" applyBorder="1" applyAlignment="1" applyProtection="1">
      <alignment horizontal="distributed" vertical="center" wrapText="1" justifyLastLine="1"/>
    </xf>
    <xf numFmtId="37" fontId="5" fillId="0" borderId="15" xfId="1" applyFont="1" applyFill="1" applyBorder="1" applyAlignment="1" applyProtection="1">
      <alignment horizontal="center" vertical="center"/>
    </xf>
    <xf numFmtId="0" fontId="2" fillId="0" borderId="2" xfId="0" applyFont="1" applyBorder="1" applyAlignment="1">
      <alignment horizontal="center"/>
    </xf>
    <xf numFmtId="0" fontId="2" fillId="0" borderId="3" xfId="0" applyFont="1" applyBorder="1" applyAlignment="1">
      <alignment horizontal="center"/>
    </xf>
    <xf numFmtId="0" fontId="2" fillId="0" borderId="16" xfId="0" applyFont="1" applyBorder="1" applyAlignment="1">
      <alignment horizontal="center"/>
    </xf>
    <xf numFmtId="37" fontId="5" fillId="0" borderId="2" xfId="1" applyFont="1" applyFill="1" applyBorder="1" applyAlignment="1">
      <alignment horizontal="center" vertical="center"/>
    </xf>
    <xf numFmtId="37" fontId="5" fillId="0" borderId="16" xfId="1" applyFont="1" applyFill="1" applyBorder="1" applyAlignment="1">
      <alignment horizontal="center" vertical="center"/>
    </xf>
    <xf numFmtId="37" fontId="5" fillId="0" borderId="17" xfId="1" applyFont="1" applyFill="1" applyBorder="1" applyAlignment="1">
      <alignment horizontal="center" vertical="center"/>
    </xf>
    <xf numFmtId="37" fontId="5" fillId="0" borderId="24" xfId="1" applyFont="1" applyFill="1" applyBorder="1" applyAlignment="1">
      <alignment horizontal="center" vertical="center" wrapText="1" justifyLastLine="1"/>
    </xf>
    <xf numFmtId="37" fontId="5" fillId="0" borderId="32" xfId="1" applyFont="1" applyFill="1" applyBorder="1" applyAlignment="1">
      <alignment horizontal="center" vertical="center" wrapText="1" justifyLastLine="1"/>
    </xf>
    <xf numFmtId="37" fontId="5" fillId="0" borderId="43" xfId="1" applyFont="1" applyFill="1" applyBorder="1" applyAlignment="1">
      <alignment horizontal="center" vertical="center" wrapText="1" justifyLastLine="1"/>
    </xf>
    <xf numFmtId="37" fontId="5" fillId="0" borderId="31" xfId="1" quotePrefix="1" applyFont="1" applyFill="1" applyBorder="1" applyAlignment="1" applyProtection="1">
      <alignment horizontal="center" vertical="center"/>
    </xf>
    <xf numFmtId="37" fontId="5" fillId="0" borderId="42" xfId="1" quotePrefix="1" applyFont="1" applyFill="1" applyBorder="1" applyAlignment="1" applyProtection="1">
      <alignment horizontal="center" vertical="center"/>
    </xf>
    <xf numFmtId="0" fontId="2" fillId="0" borderId="2" xfId="0" applyFont="1" applyFill="1" applyBorder="1" applyAlignment="1">
      <alignment vertical="center"/>
    </xf>
    <xf numFmtId="37" fontId="6" fillId="0" borderId="14" xfId="1" applyFont="1" applyFill="1" applyBorder="1" applyAlignment="1" applyProtection="1">
      <alignment horizontal="distributed" vertical="center" wrapText="1" justifyLastLine="1"/>
    </xf>
    <xf numFmtId="0" fontId="6" fillId="0" borderId="26" xfId="0" applyFont="1" applyFill="1" applyBorder="1" applyAlignment="1">
      <alignment horizontal="distributed" vertical="center" wrapText="1" justifyLastLine="1"/>
    </xf>
    <xf numFmtId="0" fontId="6" fillId="0" borderId="37" xfId="0" applyFont="1" applyFill="1" applyBorder="1" applyAlignment="1">
      <alignment horizontal="distributed" vertical="center" wrapText="1" justifyLastLine="1"/>
    </xf>
    <xf numFmtId="0" fontId="2" fillId="0" borderId="2" xfId="0" applyFont="1" applyBorder="1" applyAlignment="1"/>
    <xf numFmtId="0" fontId="2" fillId="0" borderId="16" xfId="0" applyFont="1" applyBorder="1" applyAlignment="1"/>
    <xf numFmtId="37" fontId="5" fillId="0" borderId="7" xfId="1" applyFont="1" applyFill="1" applyBorder="1" applyAlignment="1" applyProtection="1">
      <alignment horizontal="distributed" vertical="center" justifyLastLine="1"/>
    </xf>
    <xf numFmtId="37" fontId="5" fillId="0" borderId="8" xfId="1" applyFont="1" applyFill="1" applyBorder="1" applyAlignment="1" applyProtection="1">
      <alignment horizontal="distributed" vertical="center" justifyLastLine="1"/>
    </xf>
    <xf numFmtId="37" fontId="5" fillId="0" borderId="12" xfId="1" applyFont="1" applyFill="1" applyBorder="1" applyAlignment="1" applyProtection="1">
      <alignment horizontal="distributed" vertical="center" justifyLastLine="1"/>
    </xf>
    <xf numFmtId="37" fontId="5" fillId="0" borderId="13" xfId="1" applyFont="1" applyFill="1" applyBorder="1" applyAlignment="1" applyProtection="1">
      <alignment horizontal="distributed" vertical="center" justifyLastLine="1"/>
    </xf>
    <xf numFmtId="37" fontId="5" fillId="0" borderId="34" xfId="1" applyFont="1" applyFill="1" applyBorder="1" applyAlignment="1" applyProtection="1">
      <alignment horizontal="distributed" vertical="center" justifyLastLine="1"/>
    </xf>
    <xf numFmtId="37" fontId="5" fillId="0" borderId="35" xfId="1" applyFont="1" applyFill="1" applyBorder="1" applyAlignment="1" applyProtection="1">
      <alignment horizontal="distributed" vertical="center" justifyLastLine="1"/>
    </xf>
    <xf numFmtId="37" fontId="5" fillId="0" borderId="9" xfId="1" applyFont="1" applyFill="1" applyBorder="1" applyAlignment="1">
      <alignment horizontal="distributed" vertical="center" justifyLastLine="1"/>
    </xf>
    <xf numFmtId="0" fontId="2" fillId="0" borderId="10" xfId="0" applyFont="1" applyFill="1" applyBorder="1" applyAlignment="1">
      <alignment horizontal="distributed" vertical="center" justifyLastLine="1"/>
    </xf>
    <xf numFmtId="0" fontId="2" fillId="0" borderId="6" xfId="0" applyFont="1" applyFill="1" applyBorder="1" applyAlignment="1">
      <alignment horizontal="distributed" vertical="center" justifyLastLine="1"/>
    </xf>
    <xf numFmtId="37" fontId="6" fillId="0" borderId="14" xfId="1" applyFont="1" applyFill="1" applyBorder="1" applyAlignment="1" applyProtection="1">
      <alignment horizontal="distributed" vertical="center" wrapText="1" justifyLastLine="1" shrinkToFit="1"/>
    </xf>
    <xf numFmtId="0" fontId="6" fillId="0" borderId="26" xfId="0" applyFont="1" applyBorder="1" applyAlignment="1">
      <alignment horizontal="distributed" justifyLastLine="1"/>
    </xf>
    <xf numFmtId="0" fontId="6" fillId="0" borderId="37" xfId="0" applyFont="1" applyBorder="1" applyAlignment="1">
      <alignment horizontal="distributed" justifyLastLine="1"/>
    </xf>
    <xf numFmtId="37" fontId="6" fillId="0" borderId="26" xfId="1" applyFont="1" applyFill="1" applyBorder="1" applyAlignment="1" applyProtection="1">
      <alignment horizontal="distributed" vertical="center" wrapText="1" justifyLastLine="1" shrinkToFit="1"/>
    </xf>
    <xf numFmtId="37" fontId="6" fillId="0" borderId="37" xfId="1" applyFont="1" applyFill="1" applyBorder="1" applyAlignment="1" applyProtection="1">
      <alignment horizontal="distributed" vertical="center" wrapText="1" justifyLastLine="1" shrinkToFit="1"/>
    </xf>
    <xf numFmtId="0" fontId="2" fillId="0" borderId="2" xfId="0" applyFont="1" applyFill="1" applyBorder="1" applyAlignment="1">
      <alignment horizontal="center" vertical="center"/>
    </xf>
    <xf numFmtId="0" fontId="2" fillId="0" borderId="16" xfId="0" applyFont="1" applyFill="1" applyBorder="1" applyAlignment="1">
      <alignment horizontal="center" vertical="center"/>
    </xf>
    <xf numFmtId="37" fontId="5" fillId="0" borderId="18" xfId="1" applyFont="1" applyFill="1" applyBorder="1" applyAlignment="1">
      <alignment horizontal="distributed" vertical="center" wrapText="1" justifyLastLine="1"/>
    </xf>
    <xf numFmtId="0" fontId="5" fillId="0" borderId="11" xfId="0" applyFont="1" applyFill="1" applyBorder="1" applyAlignment="1">
      <alignment horizontal="distributed" vertical="center" wrapText="1" justifyLastLine="1"/>
    </xf>
  </cellXfs>
  <cellStyles count="2">
    <cellStyle name="標準" xfId="0" builtinId="0"/>
    <cellStyle name="標準_事04統1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B1" transitionEvaluation="1" transitionEntry="1"/>
  <dimension ref="A1:CP414"/>
  <sheetViews>
    <sheetView tabSelected="1" view="pageBreakPreview" topLeftCell="B1" zoomScaleNormal="100" zoomScaleSheetLayoutView="100" workbookViewId="0">
      <selection activeCell="B7" sqref="A7:XFD39"/>
    </sheetView>
  </sheetViews>
  <sheetFormatPr defaultColWidth="14.125" defaultRowHeight="10.5" x14ac:dyDescent="0.15"/>
  <cols>
    <col min="1" max="1" width="16.125" style="138" hidden="1" customWidth="1"/>
    <col min="2" max="2" width="3.625" style="138" customWidth="1"/>
    <col min="3" max="4" width="10" style="138" customWidth="1"/>
    <col min="5" max="5" width="2" style="138" customWidth="1"/>
    <col min="6" max="6" width="7.5" style="138" customWidth="1"/>
    <col min="7" max="7" width="1.875" style="138" customWidth="1"/>
    <col min="8" max="8" width="7.625" style="138" customWidth="1"/>
    <col min="9" max="9" width="2.125" style="138" customWidth="1"/>
    <col min="10" max="10" width="7.125" style="138" customWidth="1"/>
    <col min="11" max="12" width="10" style="138" customWidth="1"/>
    <col min="13" max="13" width="1.875" style="138" customWidth="1"/>
    <col min="14" max="14" width="7.625" style="138" customWidth="1"/>
    <col min="15" max="15" width="1.875" style="138" customWidth="1"/>
    <col min="16" max="16" width="7.625" style="138" customWidth="1"/>
    <col min="17" max="17" width="1.5" style="138" customWidth="1"/>
    <col min="18" max="18" width="6.875" style="138" customWidth="1"/>
    <col min="19" max="19" width="10" style="138" customWidth="1"/>
    <col min="20" max="22" width="8" style="138" customWidth="1"/>
    <col min="23" max="23" width="10.25" style="138" customWidth="1"/>
    <col min="24" max="24" width="3.625" style="138" customWidth="1"/>
    <col min="25" max="25" width="10" style="138" customWidth="1"/>
    <col min="26" max="27" width="12.5" style="138" customWidth="1"/>
    <col min="28" max="28" width="11.25" style="138" customWidth="1"/>
    <col min="29" max="29" width="12.5" style="138" customWidth="1"/>
    <col min="30" max="30" width="9.625" style="138" customWidth="1"/>
    <col min="31" max="31" width="12.625" style="138" customWidth="1"/>
    <col min="32" max="32" width="14.625" style="138" customWidth="1"/>
    <col min="33" max="33" width="3.625" style="138" customWidth="1"/>
    <col min="34" max="34" width="11.625" style="138" customWidth="1"/>
    <col min="35" max="35" width="10.5" style="138" customWidth="1"/>
    <col min="36" max="36" width="1.875" style="138" customWidth="1"/>
    <col min="37" max="37" width="7.625" style="138" customWidth="1"/>
    <col min="38" max="38" width="1.875" style="138" customWidth="1"/>
    <col min="39" max="39" width="7" style="138" customWidth="1"/>
    <col min="40" max="40" width="1.875" style="138" customWidth="1"/>
    <col min="41" max="41" width="6.875" style="138" customWidth="1"/>
    <col min="42" max="43" width="10" style="138" customWidth="1"/>
    <col min="44" max="44" width="1.875" style="138" customWidth="1"/>
    <col min="45" max="45" width="7.625" style="138" customWidth="1"/>
    <col min="46" max="46" width="1.875" style="138" customWidth="1"/>
    <col min="47" max="47" width="7.625" style="138" customWidth="1"/>
    <col min="48" max="48" width="1.875" style="138" customWidth="1"/>
    <col min="49" max="49" width="7.375" style="138" customWidth="1"/>
    <col min="50" max="50" width="10" style="138" customWidth="1"/>
    <col min="51" max="53" width="8" style="138" customWidth="1"/>
    <col min="54" max="54" width="10.25" style="138" customWidth="1"/>
    <col min="55" max="55" width="3.625" style="138" customWidth="1"/>
    <col min="56" max="56" width="10" style="138" customWidth="1"/>
    <col min="57" max="57" width="12.375" style="138" customWidth="1"/>
    <col min="58" max="58" width="11.625" style="138" customWidth="1"/>
    <col min="59" max="59" width="10.625" style="138" customWidth="1"/>
    <col min="60" max="60" width="13.625" style="138" customWidth="1"/>
    <col min="61" max="61" width="9.625" style="138" customWidth="1"/>
    <col min="62" max="62" width="12.625" style="138" customWidth="1"/>
    <col min="63" max="63" width="14.625" style="138" customWidth="1"/>
    <col min="64" max="64" width="3.625" style="138" customWidth="1"/>
    <col min="65" max="65" width="9.625" style="138" customWidth="1"/>
    <col min="66" max="66" width="10" style="138" customWidth="1"/>
    <col min="67" max="67" width="1.625" style="138" customWidth="1"/>
    <col min="68" max="68" width="7.625" style="138" customWidth="1"/>
    <col min="69" max="69" width="1.375" style="138" customWidth="1"/>
    <col min="70" max="70" width="7.625" style="138" customWidth="1"/>
    <col min="71" max="71" width="1.5" style="138" customWidth="1"/>
    <col min="72" max="72" width="6" style="138" bestFit="1" customWidth="1"/>
    <col min="73" max="73" width="9.875" style="138" customWidth="1"/>
    <col min="74" max="74" width="10" style="138" customWidth="1"/>
    <col min="75" max="75" width="1.5" style="138" customWidth="1"/>
    <col min="76" max="76" width="7.625" style="138" customWidth="1"/>
    <col min="77" max="77" width="1.5" style="138" customWidth="1"/>
    <col min="78" max="78" width="7.625" style="138" customWidth="1"/>
    <col min="79" max="79" width="1.625" style="138" customWidth="1"/>
    <col min="80" max="80" width="6" style="138" bestFit="1" customWidth="1"/>
    <col min="81" max="81" width="10" style="138" customWidth="1"/>
    <col min="82" max="82" width="8" style="138" customWidth="1"/>
    <col min="83" max="83" width="7.875" style="138" customWidth="1"/>
    <col min="84" max="84" width="8" style="138" customWidth="1"/>
    <col min="85" max="85" width="10.25" style="138" customWidth="1"/>
    <col min="86" max="86" width="3.625" style="138" customWidth="1"/>
    <col min="87" max="87" width="10" style="138" customWidth="1"/>
    <col min="88" max="88" width="12.625" style="138" customWidth="1"/>
    <col min="89" max="89" width="11.625" style="138" customWidth="1"/>
    <col min="90" max="90" width="10.625" style="138" customWidth="1"/>
    <col min="91" max="91" width="13.625" style="138" customWidth="1"/>
    <col min="92" max="92" width="9.625" style="138" customWidth="1"/>
    <col min="93" max="93" width="12.625" style="138" customWidth="1"/>
    <col min="94" max="94" width="14.625" style="138" customWidth="1"/>
    <col min="95" max="95" width="4.5" style="138" customWidth="1"/>
    <col min="96" max="16384" width="14.125" style="138"/>
  </cols>
  <sheetData>
    <row r="1" spans="1:94" s="1" customFormat="1" ht="19.5" customHeight="1" x14ac:dyDescent="0.15">
      <c r="B1" s="142" t="s">
        <v>0</v>
      </c>
      <c r="X1" s="142" t="s">
        <v>1</v>
      </c>
      <c r="AD1" s="2"/>
      <c r="AE1" s="2"/>
      <c r="AG1" s="142" t="s">
        <v>2</v>
      </c>
      <c r="BC1" s="142" t="s">
        <v>3</v>
      </c>
      <c r="BI1" s="2"/>
      <c r="BJ1" s="2"/>
      <c r="BL1" s="142" t="s">
        <v>4</v>
      </c>
      <c r="CH1" s="142" t="s">
        <v>5</v>
      </c>
      <c r="CN1" s="2"/>
    </row>
    <row r="2" spans="1:94" s="7" customFormat="1" ht="12.75" customHeight="1" thickBot="1" x14ac:dyDescent="0.2">
      <c r="A2" s="3" t="s">
        <v>6</v>
      </c>
      <c r="B2" s="4" t="s">
        <v>7</v>
      </c>
      <c r="C2" s="5"/>
      <c r="D2" s="6"/>
      <c r="E2" s="6"/>
      <c r="F2" s="6"/>
      <c r="G2" s="6"/>
      <c r="H2" s="6"/>
      <c r="I2" s="6"/>
      <c r="J2" s="6"/>
      <c r="K2" s="6"/>
      <c r="L2" s="6"/>
      <c r="M2" s="6"/>
      <c r="N2" s="6"/>
      <c r="O2" s="6"/>
      <c r="P2" s="6"/>
      <c r="Q2" s="6"/>
      <c r="R2" s="6"/>
      <c r="S2" s="6"/>
      <c r="T2" s="6"/>
      <c r="U2" s="6"/>
      <c r="V2" s="6"/>
      <c r="W2" s="6"/>
      <c r="X2" s="4" t="s">
        <v>7</v>
      </c>
      <c r="Y2" s="5"/>
      <c r="Z2" s="4"/>
      <c r="AC2" s="8"/>
      <c r="AD2" s="8"/>
      <c r="AE2" s="8"/>
      <c r="AF2" s="9" t="s">
        <v>8</v>
      </c>
      <c r="AG2" s="4" t="s">
        <v>9</v>
      </c>
      <c r="AH2" s="6"/>
      <c r="AI2" s="6"/>
      <c r="AJ2" s="6"/>
      <c r="AK2" s="6"/>
      <c r="AL2" s="6"/>
      <c r="AM2" s="6"/>
      <c r="AN2" s="6"/>
      <c r="AO2" s="6"/>
      <c r="AP2" s="6"/>
      <c r="AQ2" s="6"/>
      <c r="AR2" s="6"/>
      <c r="AS2" s="6"/>
      <c r="AT2" s="6"/>
      <c r="AU2" s="6"/>
      <c r="AV2" s="6"/>
      <c r="AW2" s="6"/>
      <c r="AX2" s="6"/>
      <c r="AY2" s="6"/>
      <c r="AZ2" s="6"/>
      <c r="BA2" s="6"/>
      <c r="BB2" s="6"/>
      <c r="BC2" s="4" t="s">
        <v>9</v>
      </c>
      <c r="BD2" s="6"/>
      <c r="BH2" s="8"/>
      <c r="BI2" s="8"/>
      <c r="BJ2" s="8"/>
      <c r="BK2" s="9" t="s">
        <v>10</v>
      </c>
      <c r="BL2" s="4" t="s">
        <v>11</v>
      </c>
      <c r="BM2" s="6"/>
      <c r="BN2" s="6"/>
      <c r="BO2" s="6"/>
      <c r="BP2" s="10"/>
      <c r="BQ2" s="6"/>
      <c r="BR2" s="6"/>
      <c r="BS2" s="6"/>
      <c r="BT2" s="6"/>
      <c r="BU2" s="6"/>
      <c r="BV2" s="6"/>
      <c r="BW2" s="6"/>
      <c r="BX2" s="6"/>
      <c r="BY2" s="6"/>
      <c r="BZ2" s="6"/>
      <c r="CA2" s="6"/>
      <c r="CB2" s="6"/>
      <c r="CC2" s="6"/>
      <c r="CD2" s="6"/>
      <c r="CE2" s="6"/>
      <c r="CF2" s="6"/>
      <c r="CG2" s="6"/>
      <c r="CH2" s="4" t="s">
        <v>11</v>
      </c>
      <c r="CI2" s="6"/>
      <c r="CM2" s="8"/>
      <c r="CN2" s="8"/>
      <c r="CO2" s="8"/>
      <c r="CP2" s="9" t="s">
        <v>8</v>
      </c>
    </row>
    <row r="3" spans="1:94" s="7" customFormat="1" ht="12" customHeight="1" x14ac:dyDescent="0.15">
      <c r="A3" s="11"/>
      <c r="B3" s="256" t="s">
        <v>12</v>
      </c>
      <c r="C3" s="257"/>
      <c r="D3" s="262" t="s">
        <v>13</v>
      </c>
      <c r="E3" s="263"/>
      <c r="F3" s="263"/>
      <c r="G3" s="263"/>
      <c r="H3" s="263"/>
      <c r="I3" s="263"/>
      <c r="J3" s="263"/>
      <c r="K3" s="263"/>
      <c r="L3" s="263"/>
      <c r="M3" s="263"/>
      <c r="N3" s="263"/>
      <c r="O3" s="263"/>
      <c r="P3" s="263"/>
      <c r="Q3" s="263"/>
      <c r="R3" s="263"/>
      <c r="S3" s="263"/>
      <c r="T3" s="263"/>
      <c r="U3" s="263"/>
      <c r="V3" s="263"/>
      <c r="W3" s="264"/>
      <c r="X3" s="256" t="s">
        <v>12</v>
      </c>
      <c r="Y3" s="257"/>
      <c r="Z3" s="262" t="s">
        <v>13</v>
      </c>
      <c r="AA3" s="263"/>
      <c r="AB3" s="263"/>
      <c r="AC3" s="263"/>
      <c r="AD3" s="263"/>
      <c r="AE3" s="263"/>
      <c r="AF3" s="264"/>
      <c r="AG3" s="256" t="s">
        <v>12</v>
      </c>
      <c r="AH3" s="257"/>
      <c r="AI3" s="262" t="s">
        <v>14</v>
      </c>
      <c r="AJ3" s="263"/>
      <c r="AK3" s="263"/>
      <c r="AL3" s="263"/>
      <c r="AM3" s="263"/>
      <c r="AN3" s="263"/>
      <c r="AO3" s="263"/>
      <c r="AP3" s="263"/>
      <c r="AQ3" s="263"/>
      <c r="AR3" s="263"/>
      <c r="AS3" s="263"/>
      <c r="AT3" s="263"/>
      <c r="AU3" s="263"/>
      <c r="AV3" s="263"/>
      <c r="AW3" s="263"/>
      <c r="AX3" s="263"/>
      <c r="AY3" s="263"/>
      <c r="AZ3" s="263"/>
      <c r="BA3" s="263"/>
      <c r="BB3" s="264"/>
      <c r="BC3" s="256" t="s">
        <v>12</v>
      </c>
      <c r="BD3" s="257"/>
      <c r="BE3" s="262" t="s">
        <v>14</v>
      </c>
      <c r="BF3" s="263"/>
      <c r="BG3" s="263"/>
      <c r="BH3" s="263"/>
      <c r="BI3" s="263"/>
      <c r="BJ3" s="263"/>
      <c r="BK3" s="264"/>
      <c r="BL3" s="256" t="s">
        <v>12</v>
      </c>
      <c r="BM3" s="257"/>
      <c r="BN3" s="262" t="s">
        <v>13</v>
      </c>
      <c r="BO3" s="263"/>
      <c r="BP3" s="263"/>
      <c r="BQ3" s="263"/>
      <c r="BR3" s="263"/>
      <c r="BS3" s="263"/>
      <c r="BT3" s="263"/>
      <c r="BU3" s="263"/>
      <c r="BV3" s="263"/>
      <c r="BW3" s="263"/>
      <c r="BX3" s="263"/>
      <c r="BY3" s="263"/>
      <c r="BZ3" s="263"/>
      <c r="CA3" s="263"/>
      <c r="CB3" s="263"/>
      <c r="CC3" s="263"/>
      <c r="CD3" s="263"/>
      <c r="CE3" s="263"/>
      <c r="CF3" s="263"/>
      <c r="CG3" s="264"/>
      <c r="CH3" s="256" t="s">
        <v>12</v>
      </c>
      <c r="CI3" s="257"/>
      <c r="CJ3" s="262" t="s">
        <v>13</v>
      </c>
      <c r="CK3" s="263"/>
      <c r="CL3" s="263"/>
      <c r="CM3" s="263"/>
      <c r="CN3" s="263"/>
      <c r="CO3" s="263"/>
      <c r="CP3" s="264"/>
    </row>
    <row r="4" spans="1:94" s="7" customFormat="1" ht="12" customHeight="1" x14ac:dyDescent="0.15">
      <c r="A4" s="12" t="s">
        <v>15</v>
      </c>
      <c r="B4" s="258"/>
      <c r="C4" s="259"/>
      <c r="D4" s="265" t="s">
        <v>16</v>
      </c>
      <c r="E4" s="13"/>
      <c r="F4" s="14" t="s">
        <v>17</v>
      </c>
      <c r="G4" s="14"/>
      <c r="H4" s="14"/>
      <c r="I4" s="14"/>
      <c r="J4" s="14"/>
      <c r="K4" s="15"/>
      <c r="L4" s="265" t="s">
        <v>18</v>
      </c>
      <c r="M4" s="16"/>
      <c r="N4" s="14" t="s">
        <v>19</v>
      </c>
      <c r="O4" s="14"/>
      <c r="P4" s="14"/>
      <c r="Q4" s="17"/>
      <c r="R4" s="14"/>
      <c r="S4" s="18"/>
      <c r="T4" s="238" t="s">
        <v>20</v>
      </c>
      <c r="U4" s="270"/>
      <c r="V4" s="270"/>
      <c r="W4" s="271"/>
      <c r="X4" s="258"/>
      <c r="Y4" s="259"/>
      <c r="Z4" s="19" t="s">
        <v>21</v>
      </c>
      <c r="AA4" s="20"/>
      <c r="AB4" s="20"/>
      <c r="AC4" s="21"/>
      <c r="AD4" s="244" t="s">
        <v>22</v>
      </c>
      <c r="AE4" s="243"/>
      <c r="AF4" s="272" t="s">
        <v>23</v>
      </c>
      <c r="AG4" s="258"/>
      <c r="AH4" s="259"/>
      <c r="AI4" s="251" t="s">
        <v>24</v>
      </c>
      <c r="AJ4" s="238" t="s">
        <v>25</v>
      </c>
      <c r="AK4" s="254"/>
      <c r="AL4" s="254"/>
      <c r="AM4" s="254"/>
      <c r="AN4" s="254"/>
      <c r="AO4" s="254"/>
      <c r="AP4" s="255"/>
      <c r="AQ4" s="217" t="s">
        <v>18</v>
      </c>
      <c r="AR4" s="238" t="s">
        <v>26</v>
      </c>
      <c r="AS4" s="239"/>
      <c r="AT4" s="239"/>
      <c r="AU4" s="239"/>
      <c r="AV4" s="239"/>
      <c r="AW4" s="239"/>
      <c r="AX4" s="240"/>
      <c r="AY4" s="238" t="s">
        <v>27</v>
      </c>
      <c r="AZ4" s="239"/>
      <c r="BA4" s="239"/>
      <c r="BB4" s="241"/>
      <c r="BC4" s="258"/>
      <c r="BD4" s="259"/>
      <c r="BE4" s="242" t="s">
        <v>28</v>
      </c>
      <c r="BF4" s="250"/>
      <c r="BG4" s="250"/>
      <c r="BH4" s="22"/>
      <c r="BI4" s="244" t="s">
        <v>29</v>
      </c>
      <c r="BJ4" s="243"/>
      <c r="BK4" s="245" t="s">
        <v>30</v>
      </c>
      <c r="BL4" s="258"/>
      <c r="BM4" s="259"/>
      <c r="BN4" s="251" t="s">
        <v>24</v>
      </c>
      <c r="BO4" s="238" t="s">
        <v>25</v>
      </c>
      <c r="BP4" s="254"/>
      <c r="BQ4" s="254"/>
      <c r="BR4" s="254"/>
      <c r="BS4" s="254"/>
      <c r="BT4" s="254"/>
      <c r="BU4" s="255"/>
      <c r="BV4" s="217" t="s">
        <v>31</v>
      </c>
      <c r="BW4" s="238" t="s">
        <v>32</v>
      </c>
      <c r="BX4" s="239"/>
      <c r="BY4" s="239"/>
      <c r="BZ4" s="239"/>
      <c r="CA4" s="239"/>
      <c r="CB4" s="239"/>
      <c r="CC4" s="240"/>
      <c r="CD4" s="238" t="s">
        <v>33</v>
      </c>
      <c r="CE4" s="239"/>
      <c r="CF4" s="239"/>
      <c r="CG4" s="241"/>
      <c r="CH4" s="258"/>
      <c r="CI4" s="259"/>
      <c r="CJ4" s="242" t="s">
        <v>28</v>
      </c>
      <c r="CK4" s="242"/>
      <c r="CL4" s="242"/>
      <c r="CM4" s="243"/>
      <c r="CN4" s="244" t="s">
        <v>29</v>
      </c>
      <c r="CO4" s="243"/>
      <c r="CP4" s="245" t="s">
        <v>30</v>
      </c>
    </row>
    <row r="5" spans="1:94" s="7" customFormat="1" ht="12" customHeight="1" x14ac:dyDescent="0.15">
      <c r="A5" s="12" t="s">
        <v>34</v>
      </c>
      <c r="B5" s="258"/>
      <c r="C5" s="259"/>
      <c r="D5" s="266"/>
      <c r="E5" s="23" t="s">
        <v>35</v>
      </c>
      <c r="F5" s="24" t="s">
        <v>36</v>
      </c>
      <c r="G5" s="25" t="s">
        <v>37</v>
      </c>
      <c r="H5" s="26" t="s">
        <v>38</v>
      </c>
      <c r="I5" s="25" t="s">
        <v>39</v>
      </c>
      <c r="J5" s="27" t="s">
        <v>49</v>
      </c>
      <c r="K5" s="28" t="s">
        <v>41</v>
      </c>
      <c r="L5" s="268"/>
      <c r="M5" s="225" t="s">
        <v>35</v>
      </c>
      <c r="N5" s="223" t="s">
        <v>42</v>
      </c>
      <c r="O5" s="225" t="s">
        <v>37</v>
      </c>
      <c r="P5" s="223" t="s">
        <v>43</v>
      </c>
      <c r="Q5" s="225">
        <v>2</v>
      </c>
      <c r="R5" s="227" t="s">
        <v>115</v>
      </c>
      <c r="S5" s="229" t="s">
        <v>41</v>
      </c>
      <c r="T5" s="29" t="s">
        <v>45</v>
      </c>
      <c r="U5" s="30" t="s">
        <v>46</v>
      </c>
      <c r="V5" s="31" t="s">
        <v>40</v>
      </c>
      <c r="W5" s="28" t="s">
        <v>41</v>
      </c>
      <c r="X5" s="258"/>
      <c r="Y5" s="259"/>
      <c r="Z5" s="231" t="s">
        <v>45</v>
      </c>
      <c r="AA5" s="213" t="s">
        <v>46</v>
      </c>
      <c r="AB5" s="213" t="s">
        <v>44</v>
      </c>
      <c r="AC5" s="32" t="s">
        <v>41</v>
      </c>
      <c r="AD5" s="233" t="s">
        <v>47</v>
      </c>
      <c r="AE5" s="33" t="s">
        <v>48</v>
      </c>
      <c r="AF5" s="273"/>
      <c r="AG5" s="258"/>
      <c r="AH5" s="259"/>
      <c r="AI5" s="252"/>
      <c r="AJ5" s="23" t="s">
        <v>35</v>
      </c>
      <c r="AK5" s="27" t="s">
        <v>42</v>
      </c>
      <c r="AL5" s="34" t="s">
        <v>37</v>
      </c>
      <c r="AM5" s="24" t="s">
        <v>43</v>
      </c>
      <c r="AN5" s="35" t="s">
        <v>39</v>
      </c>
      <c r="AO5" s="36" t="s">
        <v>49</v>
      </c>
      <c r="AP5" s="28" t="s">
        <v>41</v>
      </c>
      <c r="AQ5" s="236"/>
      <c r="AR5" s="221" t="s">
        <v>50</v>
      </c>
      <c r="AS5" s="223" t="s">
        <v>36</v>
      </c>
      <c r="AT5" s="225" t="s">
        <v>51</v>
      </c>
      <c r="AU5" s="223" t="s">
        <v>38</v>
      </c>
      <c r="AV5" s="225" t="s">
        <v>52</v>
      </c>
      <c r="AW5" s="227" t="s">
        <v>53</v>
      </c>
      <c r="AX5" s="229" t="s">
        <v>54</v>
      </c>
      <c r="AY5" s="29" t="s">
        <v>55</v>
      </c>
      <c r="AZ5" s="29" t="s">
        <v>56</v>
      </c>
      <c r="BA5" s="31" t="s">
        <v>40</v>
      </c>
      <c r="BB5" s="28" t="s">
        <v>54</v>
      </c>
      <c r="BC5" s="258"/>
      <c r="BD5" s="259"/>
      <c r="BE5" s="248" t="s">
        <v>45</v>
      </c>
      <c r="BF5" s="213" t="s">
        <v>46</v>
      </c>
      <c r="BG5" s="213" t="s">
        <v>40</v>
      </c>
      <c r="BH5" s="215" t="s">
        <v>41</v>
      </c>
      <c r="BI5" s="217" t="s">
        <v>57</v>
      </c>
      <c r="BJ5" s="219" t="s">
        <v>48</v>
      </c>
      <c r="BK5" s="246"/>
      <c r="BL5" s="258"/>
      <c r="BM5" s="259"/>
      <c r="BN5" s="252"/>
      <c r="BO5" s="23" t="s">
        <v>35</v>
      </c>
      <c r="BP5" s="27" t="s">
        <v>42</v>
      </c>
      <c r="BQ5" s="34" t="s">
        <v>37</v>
      </c>
      <c r="BR5" s="24" t="s">
        <v>43</v>
      </c>
      <c r="BS5" s="35" t="s">
        <v>52</v>
      </c>
      <c r="BT5" s="36" t="s">
        <v>53</v>
      </c>
      <c r="BU5" s="28" t="s">
        <v>41</v>
      </c>
      <c r="BV5" s="236"/>
      <c r="BW5" s="221" t="s">
        <v>58</v>
      </c>
      <c r="BX5" s="223" t="s">
        <v>42</v>
      </c>
      <c r="BY5" s="225" t="s">
        <v>37</v>
      </c>
      <c r="BZ5" s="223" t="s">
        <v>43</v>
      </c>
      <c r="CA5" s="225" t="s">
        <v>39</v>
      </c>
      <c r="CB5" s="227" t="s">
        <v>49</v>
      </c>
      <c r="CC5" s="229" t="s">
        <v>54</v>
      </c>
      <c r="CD5" s="29" t="s">
        <v>59</v>
      </c>
      <c r="CE5" s="29" t="s">
        <v>60</v>
      </c>
      <c r="CF5" s="31" t="s">
        <v>44</v>
      </c>
      <c r="CG5" s="28" t="s">
        <v>54</v>
      </c>
      <c r="CH5" s="258"/>
      <c r="CI5" s="259"/>
      <c r="CJ5" s="248" t="s">
        <v>45</v>
      </c>
      <c r="CK5" s="213" t="s">
        <v>46</v>
      </c>
      <c r="CL5" s="213" t="s">
        <v>44</v>
      </c>
      <c r="CM5" s="215" t="s">
        <v>41</v>
      </c>
      <c r="CN5" s="217" t="s">
        <v>57</v>
      </c>
      <c r="CO5" s="219" t="s">
        <v>48</v>
      </c>
      <c r="CP5" s="246"/>
    </row>
    <row r="6" spans="1:94" s="7" customFormat="1" ht="12" customHeight="1" thickBot="1" x14ac:dyDescent="0.2">
      <c r="A6" s="37" t="s">
        <v>61</v>
      </c>
      <c r="B6" s="260"/>
      <c r="C6" s="261"/>
      <c r="D6" s="267"/>
      <c r="E6" s="38"/>
      <c r="F6" s="39" t="s">
        <v>62</v>
      </c>
      <c r="G6" s="40"/>
      <c r="H6" s="39" t="s">
        <v>63</v>
      </c>
      <c r="I6" s="41"/>
      <c r="J6" s="42" t="s">
        <v>64</v>
      </c>
      <c r="K6" s="43" t="s">
        <v>65</v>
      </c>
      <c r="L6" s="269"/>
      <c r="M6" s="235"/>
      <c r="N6" s="224"/>
      <c r="O6" s="226"/>
      <c r="P6" s="224"/>
      <c r="Q6" s="226"/>
      <c r="R6" s="228"/>
      <c r="S6" s="230"/>
      <c r="T6" s="44" t="s">
        <v>66</v>
      </c>
      <c r="U6" s="45" t="s">
        <v>67</v>
      </c>
      <c r="V6" s="46" t="s">
        <v>68</v>
      </c>
      <c r="W6" s="47" t="s">
        <v>69</v>
      </c>
      <c r="X6" s="260"/>
      <c r="Y6" s="261"/>
      <c r="Z6" s="232"/>
      <c r="AA6" s="214"/>
      <c r="AB6" s="214"/>
      <c r="AC6" s="48" t="s">
        <v>70</v>
      </c>
      <c r="AD6" s="234"/>
      <c r="AE6" s="43" t="s">
        <v>71</v>
      </c>
      <c r="AF6" s="49" t="s">
        <v>72</v>
      </c>
      <c r="AG6" s="260"/>
      <c r="AH6" s="261"/>
      <c r="AI6" s="253"/>
      <c r="AJ6" s="38"/>
      <c r="AK6" s="39" t="s">
        <v>62</v>
      </c>
      <c r="AL6" s="40"/>
      <c r="AM6" s="39" t="s">
        <v>63</v>
      </c>
      <c r="AN6" s="41"/>
      <c r="AO6" s="42" t="s">
        <v>64</v>
      </c>
      <c r="AP6" s="43" t="s">
        <v>65</v>
      </c>
      <c r="AQ6" s="237"/>
      <c r="AR6" s="222"/>
      <c r="AS6" s="224"/>
      <c r="AT6" s="226"/>
      <c r="AU6" s="224"/>
      <c r="AV6" s="226"/>
      <c r="AW6" s="228"/>
      <c r="AX6" s="230"/>
      <c r="AY6" s="44" t="s">
        <v>66</v>
      </c>
      <c r="AZ6" s="44" t="s">
        <v>67</v>
      </c>
      <c r="BA6" s="46" t="s">
        <v>68</v>
      </c>
      <c r="BB6" s="47" t="s">
        <v>69</v>
      </c>
      <c r="BC6" s="260"/>
      <c r="BD6" s="261"/>
      <c r="BE6" s="249"/>
      <c r="BF6" s="214"/>
      <c r="BG6" s="214"/>
      <c r="BH6" s="216"/>
      <c r="BI6" s="218"/>
      <c r="BJ6" s="220"/>
      <c r="BK6" s="247"/>
      <c r="BL6" s="260"/>
      <c r="BM6" s="261"/>
      <c r="BN6" s="253"/>
      <c r="BO6" s="38"/>
      <c r="BP6" s="39" t="s">
        <v>62</v>
      </c>
      <c r="BQ6" s="40"/>
      <c r="BR6" s="39" t="s">
        <v>63</v>
      </c>
      <c r="BS6" s="41"/>
      <c r="BT6" s="42" t="s">
        <v>64</v>
      </c>
      <c r="BU6" s="43" t="s">
        <v>65</v>
      </c>
      <c r="BV6" s="237"/>
      <c r="BW6" s="222"/>
      <c r="BX6" s="224"/>
      <c r="BY6" s="226"/>
      <c r="BZ6" s="224"/>
      <c r="CA6" s="226"/>
      <c r="CB6" s="228"/>
      <c r="CC6" s="230"/>
      <c r="CD6" s="44" t="s">
        <v>66</v>
      </c>
      <c r="CE6" s="44" t="s">
        <v>67</v>
      </c>
      <c r="CF6" s="46" t="s">
        <v>68</v>
      </c>
      <c r="CG6" s="47" t="s">
        <v>69</v>
      </c>
      <c r="CH6" s="260"/>
      <c r="CI6" s="261"/>
      <c r="CJ6" s="249"/>
      <c r="CK6" s="214"/>
      <c r="CL6" s="214"/>
      <c r="CM6" s="216"/>
      <c r="CN6" s="218"/>
      <c r="CO6" s="220"/>
      <c r="CP6" s="247"/>
    </row>
    <row r="7" spans="1:94" s="7" customFormat="1" ht="12.95" customHeight="1" thickTop="1" x14ac:dyDescent="0.15">
      <c r="A7" s="50" t="e">
        <v>#REF!</v>
      </c>
      <c r="B7" s="51">
        <v>1</v>
      </c>
      <c r="C7" s="52" t="s">
        <v>73</v>
      </c>
      <c r="D7" s="53">
        <v>526338</v>
      </c>
      <c r="E7" s="54"/>
      <c r="F7" s="55">
        <v>127718</v>
      </c>
      <c r="G7" s="54"/>
      <c r="H7" s="56">
        <v>47582</v>
      </c>
      <c r="I7" s="57"/>
      <c r="J7" s="55">
        <v>52228</v>
      </c>
      <c r="K7" s="58">
        <v>227528</v>
      </c>
      <c r="L7" s="53">
        <v>822413</v>
      </c>
      <c r="M7" s="54"/>
      <c r="N7" s="59">
        <v>161957</v>
      </c>
      <c r="O7" s="60"/>
      <c r="P7" s="55">
        <v>85610</v>
      </c>
      <c r="Q7" s="61"/>
      <c r="R7" s="55">
        <v>95736</v>
      </c>
      <c r="S7" s="62">
        <v>343303</v>
      </c>
      <c r="T7" s="63">
        <v>0.2427</v>
      </c>
      <c r="U7" s="64">
        <v>9.0399999999999994E-2</v>
      </c>
      <c r="V7" s="65">
        <v>9.9199999999999997E-2</v>
      </c>
      <c r="W7" s="66">
        <v>0.43230000000000002</v>
      </c>
      <c r="X7" s="51">
        <v>1</v>
      </c>
      <c r="Y7" s="52" t="s">
        <v>73</v>
      </c>
      <c r="Z7" s="67">
        <v>3598360626</v>
      </c>
      <c r="AA7" s="67">
        <v>1358630700</v>
      </c>
      <c r="AB7" s="68">
        <v>607732128</v>
      </c>
      <c r="AC7" s="69">
        <v>5564723454</v>
      </c>
      <c r="AD7" s="70">
        <v>78125</v>
      </c>
      <c r="AE7" s="71">
        <v>3806611719</v>
      </c>
      <c r="AF7" s="72">
        <v>9371335173</v>
      </c>
      <c r="AG7" s="51">
        <v>1</v>
      </c>
      <c r="AH7" s="52" t="s">
        <v>73</v>
      </c>
      <c r="AI7" s="55">
        <v>526338</v>
      </c>
      <c r="AJ7" s="54"/>
      <c r="AK7" s="55">
        <v>127718</v>
      </c>
      <c r="AL7" s="54"/>
      <c r="AM7" s="56">
        <v>47582</v>
      </c>
      <c r="AN7" s="57"/>
      <c r="AO7" s="55">
        <v>52228</v>
      </c>
      <c r="AP7" s="58">
        <v>227528</v>
      </c>
      <c r="AQ7" s="73">
        <v>822413</v>
      </c>
      <c r="AR7" s="54"/>
      <c r="AS7" s="59">
        <v>161957</v>
      </c>
      <c r="AT7" s="60"/>
      <c r="AU7" s="55">
        <v>85610</v>
      </c>
      <c r="AV7" s="61"/>
      <c r="AW7" s="55">
        <v>95736</v>
      </c>
      <c r="AX7" s="62">
        <v>343303</v>
      </c>
      <c r="AY7" s="63">
        <v>0.2427</v>
      </c>
      <c r="AZ7" s="63">
        <v>9.0399999999999994E-2</v>
      </c>
      <c r="BA7" s="65">
        <v>9.9199999999999997E-2</v>
      </c>
      <c r="BB7" s="66">
        <v>0.43230000000000002</v>
      </c>
      <c r="BC7" s="51">
        <v>1</v>
      </c>
      <c r="BD7" s="52" t="s">
        <v>73</v>
      </c>
      <c r="BE7" s="53">
        <v>1152971883</v>
      </c>
      <c r="BF7" s="53">
        <v>435326850</v>
      </c>
      <c r="BG7" s="53">
        <v>194727024</v>
      </c>
      <c r="BH7" s="69">
        <v>1783025757</v>
      </c>
      <c r="BI7" s="70">
        <v>25037</v>
      </c>
      <c r="BJ7" s="71">
        <v>1219918561</v>
      </c>
      <c r="BK7" s="72">
        <v>3002944318</v>
      </c>
      <c r="BL7" s="51">
        <v>1</v>
      </c>
      <c r="BM7" s="52" t="s">
        <v>73</v>
      </c>
      <c r="BN7" s="55">
        <v>225868</v>
      </c>
      <c r="BO7" s="54"/>
      <c r="BP7" s="55">
        <v>51857</v>
      </c>
      <c r="BQ7" s="54"/>
      <c r="BR7" s="56">
        <v>19705</v>
      </c>
      <c r="BS7" s="57"/>
      <c r="BT7" s="55">
        <v>18930</v>
      </c>
      <c r="BU7" s="58">
        <v>90492</v>
      </c>
      <c r="BV7" s="73">
        <v>267059</v>
      </c>
      <c r="BW7" s="54"/>
      <c r="BX7" s="59">
        <v>55920</v>
      </c>
      <c r="BY7" s="60"/>
      <c r="BZ7" s="55">
        <v>23749</v>
      </c>
      <c r="CA7" s="61"/>
      <c r="CB7" s="55">
        <v>23287</v>
      </c>
      <c r="CC7" s="62">
        <v>102956</v>
      </c>
      <c r="CD7" s="63">
        <v>0.2296</v>
      </c>
      <c r="CE7" s="63">
        <v>8.72E-2</v>
      </c>
      <c r="CF7" s="65">
        <v>8.3799999999999999E-2</v>
      </c>
      <c r="CG7" s="66">
        <v>0.40060000000000001</v>
      </c>
      <c r="CH7" s="51">
        <v>1</v>
      </c>
      <c r="CI7" s="52" t="s">
        <v>73</v>
      </c>
      <c r="CJ7" s="53">
        <v>476382480</v>
      </c>
      <c r="CK7" s="53">
        <v>144512665</v>
      </c>
      <c r="CL7" s="53">
        <v>56680558</v>
      </c>
      <c r="CM7" s="69">
        <v>677575703</v>
      </c>
      <c r="CN7" s="70">
        <v>30644</v>
      </c>
      <c r="CO7" s="71">
        <v>451697770</v>
      </c>
      <c r="CP7" s="72">
        <v>1129273473</v>
      </c>
    </row>
    <row r="8" spans="1:94" s="7" customFormat="1" ht="12.95" customHeight="1" x14ac:dyDescent="0.15">
      <c r="A8" s="50" t="e">
        <v>#REF!</v>
      </c>
      <c r="B8" s="51">
        <v>2</v>
      </c>
      <c r="C8" s="52" t="s">
        <v>74</v>
      </c>
      <c r="D8" s="53">
        <v>193741</v>
      </c>
      <c r="E8" s="54"/>
      <c r="F8" s="74">
        <v>41887</v>
      </c>
      <c r="G8" s="54"/>
      <c r="H8" s="75">
        <v>17091</v>
      </c>
      <c r="I8" s="57"/>
      <c r="J8" s="55">
        <v>17157</v>
      </c>
      <c r="K8" s="58">
        <v>76135</v>
      </c>
      <c r="L8" s="53">
        <v>301465</v>
      </c>
      <c r="M8" s="54"/>
      <c r="N8" s="76">
        <v>53079</v>
      </c>
      <c r="O8" s="60"/>
      <c r="P8" s="77">
        <v>30427</v>
      </c>
      <c r="Q8" s="61"/>
      <c r="R8" s="55">
        <v>31695</v>
      </c>
      <c r="S8" s="62">
        <v>115201</v>
      </c>
      <c r="T8" s="63">
        <v>0.2162</v>
      </c>
      <c r="U8" s="64">
        <v>8.8200000000000001E-2</v>
      </c>
      <c r="V8" s="65">
        <v>8.8599999999999998E-2</v>
      </c>
      <c r="W8" s="66">
        <v>0.39300000000000002</v>
      </c>
      <c r="X8" s="51">
        <v>2</v>
      </c>
      <c r="Y8" s="52" t="s">
        <v>74</v>
      </c>
      <c r="Z8" s="78">
        <v>1177292220</v>
      </c>
      <c r="AA8" s="78">
        <v>482054961</v>
      </c>
      <c r="AB8" s="78">
        <v>200851215</v>
      </c>
      <c r="AC8" s="69">
        <v>1860198396</v>
      </c>
      <c r="AD8" s="79">
        <v>77019</v>
      </c>
      <c r="AE8" s="80">
        <v>1258642958</v>
      </c>
      <c r="AF8" s="81">
        <v>3118841354</v>
      </c>
      <c r="AG8" s="51">
        <v>2</v>
      </c>
      <c r="AH8" s="52" t="s">
        <v>74</v>
      </c>
      <c r="AI8" s="55">
        <v>193741</v>
      </c>
      <c r="AJ8" s="54"/>
      <c r="AK8" s="74">
        <v>41887</v>
      </c>
      <c r="AL8" s="54"/>
      <c r="AM8" s="75">
        <v>17091</v>
      </c>
      <c r="AN8" s="57"/>
      <c r="AO8" s="55">
        <v>17157</v>
      </c>
      <c r="AP8" s="58">
        <v>76135</v>
      </c>
      <c r="AQ8" s="82">
        <v>301465</v>
      </c>
      <c r="AR8" s="54"/>
      <c r="AS8" s="76">
        <v>53079</v>
      </c>
      <c r="AT8" s="83"/>
      <c r="AU8" s="77">
        <v>30427</v>
      </c>
      <c r="AV8" s="61"/>
      <c r="AW8" s="55">
        <v>31695</v>
      </c>
      <c r="AX8" s="62">
        <v>115201</v>
      </c>
      <c r="AY8" s="63">
        <v>0.2162</v>
      </c>
      <c r="AZ8" s="63">
        <v>8.8200000000000001E-2</v>
      </c>
      <c r="BA8" s="65">
        <v>8.8599999999999998E-2</v>
      </c>
      <c r="BB8" s="66">
        <v>0.39300000000000002</v>
      </c>
      <c r="BC8" s="51">
        <v>2</v>
      </c>
      <c r="BD8" s="52" t="s">
        <v>74</v>
      </c>
      <c r="BE8" s="84">
        <v>399313317</v>
      </c>
      <c r="BF8" s="53">
        <v>163514698</v>
      </c>
      <c r="BG8" s="53">
        <v>68144250</v>
      </c>
      <c r="BH8" s="85">
        <v>630972265</v>
      </c>
      <c r="BI8" s="79">
        <v>26620</v>
      </c>
      <c r="BJ8" s="80">
        <v>435023508</v>
      </c>
      <c r="BK8" s="81">
        <v>1065995773</v>
      </c>
      <c r="BL8" s="51">
        <v>2</v>
      </c>
      <c r="BM8" s="52" t="s">
        <v>74</v>
      </c>
      <c r="BN8" s="55">
        <v>87463</v>
      </c>
      <c r="BO8" s="54"/>
      <c r="BP8" s="74">
        <v>17248</v>
      </c>
      <c r="BQ8" s="54"/>
      <c r="BR8" s="75">
        <v>7170</v>
      </c>
      <c r="BS8" s="57"/>
      <c r="BT8" s="55">
        <v>6725</v>
      </c>
      <c r="BU8" s="58">
        <v>31143</v>
      </c>
      <c r="BV8" s="82">
        <v>104121</v>
      </c>
      <c r="BW8" s="54"/>
      <c r="BX8" s="76">
        <v>18571</v>
      </c>
      <c r="BY8" s="83"/>
      <c r="BZ8" s="77">
        <v>8679</v>
      </c>
      <c r="CA8" s="61"/>
      <c r="CB8" s="55">
        <v>8358</v>
      </c>
      <c r="CC8" s="62">
        <v>35608</v>
      </c>
      <c r="CD8" s="63">
        <v>0.19719999999999999</v>
      </c>
      <c r="CE8" s="63">
        <v>8.2000000000000003E-2</v>
      </c>
      <c r="CF8" s="65">
        <v>7.6899999999999996E-2</v>
      </c>
      <c r="CG8" s="66">
        <v>0.35610000000000003</v>
      </c>
      <c r="CH8" s="51">
        <v>2</v>
      </c>
      <c r="CI8" s="52" t="s">
        <v>74</v>
      </c>
      <c r="CJ8" s="84">
        <v>171466043</v>
      </c>
      <c r="CK8" s="53">
        <v>57238005</v>
      </c>
      <c r="CL8" s="53">
        <v>22048404</v>
      </c>
      <c r="CM8" s="85">
        <v>250752452</v>
      </c>
      <c r="CN8" s="79">
        <v>31180</v>
      </c>
      <c r="CO8" s="80">
        <v>158620455</v>
      </c>
      <c r="CP8" s="81">
        <v>409372907</v>
      </c>
    </row>
    <row r="9" spans="1:94" s="7" customFormat="1" ht="12.95" customHeight="1" x14ac:dyDescent="0.15">
      <c r="A9" s="50" t="e">
        <v>#REF!</v>
      </c>
      <c r="B9" s="51">
        <v>3</v>
      </c>
      <c r="C9" s="52" t="s">
        <v>75</v>
      </c>
      <c r="D9" s="53">
        <v>67830</v>
      </c>
      <c r="E9" s="54"/>
      <c r="F9" s="77">
        <v>16774</v>
      </c>
      <c r="G9" s="54"/>
      <c r="H9" s="86">
        <v>7004</v>
      </c>
      <c r="I9" s="57"/>
      <c r="J9" s="55">
        <v>8187</v>
      </c>
      <c r="K9" s="58">
        <v>31965</v>
      </c>
      <c r="L9" s="53">
        <v>108784</v>
      </c>
      <c r="M9" s="54"/>
      <c r="N9" s="76">
        <v>22558</v>
      </c>
      <c r="O9" s="60"/>
      <c r="P9" s="77">
        <v>12942</v>
      </c>
      <c r="Q9" s="61"/>
      <c r="R9" s="55">
        <v>14971</v>
      </c>
      <c r="S9" s="62">
        <v>50471</v>
      </c>
      <c r="T9" s="63">
        <v>0.24729999999999999</v>
      </c>
      <c r="U9" s="64">
        <v>0.1033</v>
      </c>
      <c r="V9" s="65">
        <v>0.1207</v>
      </c>
      <c r="W9" s="66">
        <v>0.4713</v>
      </c>
      <c r="X9" s="51">
        <v>3</v>
      </c>
      <c r="Y9" s="52" t="s">
        <v>75</v>
      </c>
      <c r="Z9" s="78">
        <v>624117242</v>
      </c>
      <c r="AA9" s="78">
        <v>214080890</v>
      </c>
      <c r="AB9" s="78">
        <v>97886372</v>
      </c>
      <c r="AC9" s="69">
        <v>936084504</v>
      </c>
      <c r="AD9" s="79">
        <v>71658</v>
      </c>
      <c r="AE9" s="80">
        <v>511767821</v>
      </c>
      <c r="AF9" s="81">
        <v>1447852325</v>
      </c>
      <c r="AG9" s="51">
        <v>3</v>
      </c>
      <c r="AH9" s="52" t="s">
        <v>75</v>
      </c>
      <c r="AI9" s="55">
        <v>67830</v>
      </c>
      <c r="AJ9" s="54"/>
      <c r="AK9" s="77">
        <v>16774</v>
      </c>
      <c r="AL9" s="54"/>
      <c r="AM9" s="86">
        <v>7004</v>
      </c>
      <c r="AN9" s="57"/>
      <c r="AO9" s="55">
        <v>8187</v>
      </c>
      <c r="AP9" s="58">
        <v>31965</v>
      </c>
      <c r="AQ9" s="82">
        <v>108784</v>
      </c>
      <c r="AR9" s="54"/>
      <c r="AS9" s="76">
        <v>22558</v>
      </c>
      <c r="AT9" s="60"/>
      <c r="AU9" s="77">
        <v>12942</v>
      </c>
      <c r="AV9" s="61"/>
      <c r="AW9" s="55">
        <v>14971</v>
      </c>
      <c r="AX9" s="62">
        <v>50471</v>
      </c>
      <c r="AY9" s="63">
        <v>0.24729999999999999</v>
      </c>
      <c r="AZ9" s="63">
        <v>0.1033</v>
      </c>
      <c r="BA9" s="65">
        <v>0.1207</v>
      </c>
      <c r="BB9" s="66">
        <v>0.4713</v>
      </c>
      <c r="BC9" s="51">
        <v>3</v>
      </c>
      <c r="BD9" s="52" t="s">
        <v>75</v>
      </c>
      <c r="BE9" s="84">
        <v>218340500</v>
      </c>
      <c r="BF9" s="53">
        <v>74895460</v>
      </c>
      <c r="BG9" s="53">
        <v>34245264</v>
      </c>
      <c r="BH9" s="85">
        <v>327481224</v>
      </c>
      <c r="BI9" s="79">
        <v>25049</v>
      </c>
      <c r="BJ9" s="80">
        <v>178895198</v>
      </c>
      <c r="BK9" s="81">
        <v>506376422</v>
      </c>
      <c r="BL9" s="51">
        <v>3</v>
      </c>
      <c r="BM9" s="52" t="s">
        <v>75</v>
      </c>
      <c r="BN9" s="55">
        <v>27681</v>
      </c>
      <c r="BO9" s="54"/>
      <c r="BP9" s="77">
        <v>6813</v>
      </c>
      <c r="BQ9" s="54"/>
      <c r="BR9" s="86">
        <v>2816</v>
      </c>
      <c r="BS9" s="57"/>
      <c r="BT9" s="55">
        <v>2834</v>
      </c>
      <c r="BU9" s="58">
        <v>12463</v>
      </c>
      <c r="BV9" s="82">
        <v>32416</v>
      </c>
      <c r="BW9" s="54"/>
      <c r="BX9" s="76">
        <v>7348</v>
      </c>
      <c r="BY9" s="60"/>
      <c r="BZ9" s="77">
        <v>3386</v>
      </c>
      <c r="CA9" s="61"/>
      <c r="CB9" s="55">
        <v>3387</v>
      </c>
      <c r="CC9" s="62">
        <v>14121</v>
      </c>
      <c r="CD9" s="63">
        <v>0.24610000000000001</v>
      </c>
      <c r="CE9" s="63">
        <v>0.1017</v>
      </c>
      <c r="CF9" s="65">
        <v>0.1024</v>
      </c>
      <c r="CG9" s="66">
        <v>0.45019999999999999</v>
      </c>
      <c r="CH9" s="51">
        <v>3</v>
      </c>
      <c r="CI9" s="52" t="s">
        <v>75</v>
      </c>
      <c r="CJ9" s="84">
        <v>75699092</v>
      </c>
      <c r="CK9" s="53">
        <v>23576960</v>
      </c>
      <c r="CL9" s="53">
        <v>9462000</v>
      </c>
      <c r="CM9" s="85">
        <v>108738052</v>
      </c>
      <c r="CN9" s="79">
        <v>28467</v>
      </c>
      <c r="CO9" s="80">
        <v>57405129</v>
      </c>
      <c r="CP9" s="81">
        <v>166143181</v>
      </c>
    </row>
    <row r="10" spans="1:94" s="7" customFormat="1" ht="12.95" customHeight="1" x14ac:dyDescent="0.15">
      <c r="A10" s="50" t="e">
        <v>#REF!</v>
      </c>
      <c r="B10" s="51">
        <v>4</v>
      </c>
      <c r="C10" s="52" t="s">
        <v>76</v>
      </c>
      <c r="D10" s="53">
        <v>41317</v>
      </c>
      <c r="E10" s="54"/>
      <c r="F10" s="74">
        <v>9860</v>
      </c>
      <c r="G10" s="54"/>
      <c r="H10" s="86">
        <v>4620</v>
      </c>
      <c r="I10" s="57"/>
      <c r="J10" s="55">
        <v>4978</v>
      </c>
      <c r="K10" s="58">
        <v>19458</v>
      </c>
      <c r="L10" s="53">
        <v>68564</v>
      </c>
      <c r="M10" s="54"/>
      <c r="N10" s="76">
        <v>13292</v>
      </c>
      <c r="O10" s="60"/>
      <c r="P10" s="77">
        <v>8738</v>
      </c>
      <c r="Q10" s="61"/>
      <c r="R10" s="55">
        <v>9517</v>
      </c>
      <c r="S10" s="62">
        <v>31547</v>
      </c>
      <c r="T10" s="63">
        <v>0.23860000000000001</v>
      </c>
      <c r="U10" s="64">
        <v>0.1118</v>
      </c>
      <c r="V10" s="65">
        <v>0.1205</v>
      </c>
      <c r="W10" s="66">
        <v>0.47089999999999999</v>
      </c>
      <c r="X10" s="51">
        <v>4</v>
      </c>
      <c r="Y10" s="52" t="s">
        <v>76</v>
      </c>
      <c r="Z10" s="78">
        <v>415406292</v>
      </c>
      <c r="AA10" s="78">
        <v>171397140</v>
      </c>
      <c r="AB10" s="78">
        <v>73796172</v>
      </c>
      <c r="AC10" s="69">
        <v>660599604</v>
      </c>
      <c r="AD10" s="79">
        <v>88566</v>
      </c>
      <c r="AE10" s="80">
        <v>394502191</v>
      </c>
      <c r="AF10" s="81">
        <v>1055101795</v>
      </c>
      <c r="AG10" s="51">
        <v>4</v>
      </c>
      <c r="AH10" s="52" t="s">
        <v>76</v>
      </c>
      <c r="AI10" s="55">
        <v>41317</v>
      </c>
      <c r="AJ10" s="54"/>
      <c r="AK10" s="74">
        <v>9860</v>
      </c>
      <c r="AL10" s="54"/>
      <c r="AM10" s="86">
        <v>4620</v>
      </c>
      <c r="AN10" s="57"/>
      <c r="AO10" s="55">
        <v>4978</v>
      </c>
      <c r="AP10" s="58">
        <v>19458</v>
      </c>
      <c r="AQ10" s="82">
        <v>68564</v>
      </c>
      <c r="AR10" s="54"/>
      <c r="AS10" s="76">
        <v>13292</v>
      </c>
      <c r="AT10" s="60"/>
      <c r="AU10" s="77">
        <v>8738</v>
      </c>
      <c r="AV10" s="61"/>
      <c r="AW10" s="55">
        <v>9517</v>
      </c>
      <c r="AX10" s="62">
        <v>31547</v>
      </c>
      <c r="AY10" s="63">
        <v>0.23860000000000001</v>
      </c>
      <c r="AZ10" s="63">
        <v>0.1118</v>
      </c>
      <c r="BA10" s="65">
        <v>0.1205</v>
      </c>
      <c r="BB10" s="66">
        <v>0.47089999999999999</v>
      </c>
      <c r="BC10" s="51">
        <v>4</v>
      </c>
      <c r="BD10" s="52" t="s">
        <v>76</v>
      </c>
      <c r="BE10" s="84">
        <v>89422998</v>
      </c>
      <c r="BF10" s="53">
        <v>36952710</v>
      </c>
      <c r="BG10" s="53">
        <v>15912618</v>
      </c>
      <c r="BH10" s="85">
        <v>142288326</v>
      </c>
      <c r="BI10" s="79">
        <v>19228</v>
      </c>
      <c r="BJ10" s="80">
        <v>85647857</v>
      </c>
      <c r="BK10" s="81">
        <v>227936183</v>
      </c>
      <c r="BL10" s="51">
        <v>4</v>
      </c>
      <c r="BM10" s="52" t="s">
        <v>76</v>
      </c>
      <c r="BN10" s="55">
        <v>17835</v>
      </c>
      <c r="BO10" s="54"/>
      <c r="BP10" s="74">
        <v>3871</v>
      </c>
      <c r="BQ10" s="54"/>
      <c r="BR10" s="86">
        <v>1866</v>
      </c>
      <c r="BS10" s="57"/>
      <c r="BT10" s="55">
        <v>1790</v>
      </c>
      <c r="BU10" s="58">
        <v>7527</v>
      </c>
      <c r="BV10" s="82">
        <v>21341</v>
      </c>
      <c r="BW10" s="54"/>
      <c r="BX10" s="76">
        <v>4207</v>
      </c>
      <c r="BY10" s="60"/>
      <c r="BZ10" s="77">
        <v>2258</v>
      </c>
      <c r="CA10" s="61"/>
      <c r="CB10" s="55">
        <v>2170</v>
      </c>
      <c r="CC10" s="62">
        <v>8635</v>
      </c>
      <c r="CD10" s="63">
        <v>0.217</v>
      </c>
      <c r="CE10" s="63">
        <v>0.1046</v>
      </c>
      <c r="CF10" s="65">
        <v>0.1004</v>
      </c>
      <c r="CG10" s="66">
        <v>0.42199999999999999</v>
      </c>
      <c r="CH10" s="51">
        <v>4</v>
      </c>
      <c r="CI10" s="52" t="s">
        <v>76</v>
      </c>
      <c r="CJ10" s="84">
        <v>44147628</v>
      </c>
      <c r="CK10" s="53">
        <v>16277400</v>
      </c>
      <c r="CL10" s="53">
        <v>6253200</v>
      </c>
      <c r="CM10" s="85">
        <v>66678228</v>
      </c>
      <c r="CN10" s="79">
        <v>31585</v>
      </c>
      <c r="CO10" s="80">
        <v>38826493</v>
      </c>
      <c r="CP10" s="81">
        <v>105504721</v>
      </c>
    </row>
    <row r="11" spans="1:94" s="7" customFormat="1" ht="12.95" customHeight="1" x14ac:dyDescent="0.15">
      <c r="A11" s="50" t="e">
        <v>#REF!</v>
      </c>
      <c r="B11" s="51">
        <v>5</v>
      </c>
      <c r="C11" s="52" t="s">
        <v>77</v>
      </c>
      <c r="D11" s="53">
        <v>27650</v>
      </c>
      <c r="E11" s="54"/>
      <c r="F11" s="77">
        <v>6228</v>
      </c>
      <c r="G11" s="54"/>
      <c r="H11" s="86">
        <v>2339</v>
      </c>
      <c r="I11" s="57"/>
      <c r="J11" s="55">
        <v>2521</v>
      </c>
      <c r="K11" s="58">
        <v>11088</v>
      </c>
      <c r="L11" s="53">
        <v>43838</v>
      </c>
      <c r="M11" s="54"/>
      <c r="N11" s="76">
        <v>8053</v>
      </c>
      <c r="O11" s="60"/>
      <c r="P11" s="77">
        <v>4232</v>
      </c>
      <c r="Q11" s="61"/>
      <c r="R11" s="55">
        <v>4639</v>
      </c>
      <c r="S11" s="62">
        <v>16924</v>
      </c>
      <c r="T11" s="63">
        <v>0.22520000000000001</v>
      </c>
      <c r="U11" s="64">
        <v>8.4599999999999995E-2</v>
      </c>
      <c r="V11" s="65">
        <v>9.1200000000000003E-2</v>
      </c>
      <c r="W11" s="66">
        <v>0.40100000000000002</v>
      </c>
      <c r="X11" s="51">
        <v>5</v>
      </c>
      <c r="Y11" s="52" t="s">
        <v>77</v>
      </c>
      <c r="Z11" s="78">
        <v>171679956</v>
      </c>
      <c r="AA11" s="78">
        <v>58655760</v>
      </c>
      <c r="AB11" s="78">
        <v>25419408</v>
      </c>
      <c r="AC11" s="69">
        <v>255755124</v>
      </c>
      <c r="AD11" s="79">
        <v>72542</v>
      </c>
      <c r="AE11" s="80">
        <v>174354697</v>
      </c>
      <c r="AF11" s="81">
        <v>430109821</v>
      </c>
      <c r="AG11" s="51">
        <v>5</v>
      </c>
      <c r="AH11" s="52" t="s">
        <v>77</v>
      </c>
      <c r="AI11" s="55">
        <v>27650</v>
      </c>
      <c r="AJ11" s="54"/>
      <c r="AK11" s="77">
        <v>6228</v>
      </c>
      <c r="AL11" s="54"/>
      <c r="AM11" s="86">
        <v>2339</v>
      </c>
      <c r="AN11" s="57"/>
      <c r="AO11" s="55">
        <v>2521</v>
      </c>
      <c r="AP11" s="58">
        <v>11088</v>
      </c>
      <c r="AQ11" s="82">
        <v>43838</v>
      </c>
      <c r="AR11" s="54"/>
      <c r="AS11" s="76">
        <v>8053</v>
      </c>
      <c r="AT11" s="60"/>
      <c r="AU11" s="77">
        <v>4232</v>
      </c>
      <c r="AV11" s="61"/>
      <c r="AW11" s="55">
        <v>4639</v>
      </c>
      <c r="AX11" s="62">
        <v>16924</v>
      </c>
      <c r="AY11" s="63">
        <v>0.22520000000000001</v>
      </c>
      <c r="AZ11" s="63">
        <v>8.4599999999999995E-2</v>
      </c>
      <c r="BA11" s="65">
        <v>9.1200000000000003E-2</v>
      </c>
      <c r="BB11" s="66">
        <v>0.40100000000000002</v>
      </c>
      <c r="BC11" s="51">
        <v>5</v>
      </c>
      <c r="BD11" s="52" t="s">
        <v>77</v>
      </c>
      <c r="BE11" s="84">
        <v>63965265</v>
      </c>
      <c r="BF11" s="53">
        <v>21753420</v>
      </c>
      <c r="BG11" s="53">
        <v>9421464</v>
      </c>
      <c r="BH11" s="85">
        <v>95140149</v>
      </c>
      <c r="BI11" s="79">
        <v>28519</v>
      </c>
      <c r="BJ11" s="80">
        <v>68545416</v>
      </c>
      <c r="BK11" s="81">
        <v>163685565</v>
      </c>
      <c r="BL11" s="51">
        <v>5</v>
      </c>
      <c r="BM11" s="52" t="s">
        <v>77</v>
      </c>
      <c r="BN11" s="55">
        <v>12395</v>
      </c>
      <c r="BO11" s="54"/>
      <c r="BP11" s="77">
        <v>2725</v>
      </c>
      <c r="BQ11" s="54"/>
      <c r="BR11" s="86">
        <v>1073</v>
      </c>
      <c r="BS11" s="57"/>
      <c r="BT11" s="55">
        <v>987</v>
      </c>
      <c r="BU11" s="58">
        <v>4785</v>
      </c>
      <c r="BV11" s="82">
        <v>14697</v>
      </c>
      <c r="BW11" s="54"/>
      <c r="BX11" s="76">
        <v>2982</v>
      </c>
      <c r="BY11" s="60"/>
      <c r="BZ11" s="77">
        <v>1313</v>
      </c>
      <c r="CA11" s="61"/>
      <c r="CB11" s="55">
        <v>1198</v>
      </c>
      <c r="CC11" s="62">
        <v>5493</v>
      </c>
      <c r="CD11" s="63">
        <v>0.2198</v>
      </c>
      <c r="CE11" s="63">
        <v>8.6599999999999996E-2</v>
      </c>
      <c r="CF11" s="65">
        <v>7.9600000000000004E-2</v>
      </c>
      <c r="CG11" s="66">
        <v>0.38600000000000001</v>
      </c>
      <c r="CH11" s="51">
        <v>5</v>
      </c>
      <c r="CI11" s="52" t="s">
        <v>77</v>
      </c>
      <c r="CJ11" s="84">
        <v>23878596</v>
      </c>
      <c r="CK11" s="53">
        <v>7274040</v>
      </c>
      <c r="CL11" s="53">
        <v>2660712</v>
      </c>
      <c r="CM11" s="85">
        <v>33813348</v>
      </c>
      <c r="CN11" s="79">
        <v>30704</v>
      </c>
      <c r="CO11" s="80">
        <v>24159749</v>
      </c>
      <c r="CP11" s="81">
        <v>57973097</v>
      </c>
    </row>
    <row r="12" spans="1:94" s="7" customFormat="1" ht="12.95" customHeight="1" x14ac:dyDescent="0.15">
      <c r="A12" s="50" t="e">
        <v>#REF!</v>
      </c>
      <c r="B12" s="51">
        <v>6</v>
      </c>
      <c r="C12" s="52" t="s">
        <v>78</v>
      </c>
      <c r="D12" s="53">
        <v>59222</v>
      </c>
      <c r="E12" s="54"/>
      <c r="F12" s="74">
        <v>13585</v>
      </c>
      <c r="G12" s="54"/>
      <c r="H12" s="86">
        <v>5403</v>
      </c>
      <c r="I12" s="57"/>
      <c r="J12" s="55">
        <v>6484</v>
      </c>
      <c r="K12" s="58">
        <v>25472</v>
      </c>
      <c r="L12" s="53">
        <v>96871</v>
      </c>
      <c r="M12" s="54"/>
      <c r="N12" s="76">
        <v>17983</v>
      </c>
      <c r="O12" s="60"/>
      <c r="P12" s="77">
        <v>10102</v>
      </c>
      <c r="Q12" s="61"/>
      <c r="R12" s="55">
        <v>12270</v>
      </c>
      <c r="S12" s="62">
        <v>40355</v>
      </c>
      <c r="T12" s="63">
        <v>0.22939999999999999</v>
      </c>
      <c r="U12" s="64">
        <v>9.1200000000000003E-2</v>
      </c>
      <c r="V12" s="65">
        <v>0.1095</v>
      </c>
      <c r="W12" s="66">
        <v>0.43009999999999998</v>
      </c>
      <c r="X12" s="51">
        <v>6</v>
      </c>
      <c r="Y12" s="52" t="s">
        <v>78</v>
      </c>
      <c r="Z12" s="78">
        <v>568419600</v>
      </c>
      <c r="AA12" s="78">
        <v>200468940</v>
      </c>
      <c r="AB12" s="78">
        <v>96063072</v>
      </c>
      <c r="AC12" s="69">
        <v>864951612</v>
      </c>
      <c r="AD12" s="79">
        <v>86658</v>
      </c>
      <c r="AE12" s="80">
        <v>494542474</v>
      </c>
      <c r="AF12" s="81">
        <v>1359494086</v>
      </c>
      <c r="AG12" s="51">
        <v>6</v>
      </c>
      <c r="AH12" s="52" t="s">
        <v>78</v>
      </c>
      <c r="AI12" s="55">
        <v>59222</v>
      </c>
      <c r="AJ12" s="54"/>
      <c r="AK12" s="74">
        <v>13585</v>
      </c>
      <c r="AL12" s="54"/>
      <c r="AM12" s="86">
        <v>5403</v>
      </c>
      <c r="AN12" s="57"/>
      <c r="AO12" s="55">
        <v>6484</v>
      </c>
      <c r="AP12" s="58">
        <v>25472</v>
      </c>
      <c r="AQ12" s="82">
        <v>96871</v>
      </c>
      <c r="AR12" s="54"/>
      <c r="AS12" s="76">
        <v>17983</v>
      </c>
      <c r="AT12" s="60"/>
      <c r="AU12" s="77">
        <v>10102</v>
      </c>
      <c r="AV12" s="61"/>
      <c r="AW12" s="55">
        <v>12270</v>
      </c>
      <c r="AX12" s="62">
        <v>40355</v>
      </c>
      <c r="AY12" s="63">
        <v>0.22939999999999999</v>
      </c>
      <c r="AZ12" s="63">
        <v>9.1200000000000003E-2</v>
      </c>
      <c r="BA12" s="65">
        <v>0.1095</v>
      </c>
      <c r="BB12" s="66">
        <v>0.43009999999999998</v>
      </c>
      <c r="BC12" s="51">
        <v>6</v>
      </c>
      <c r="BD12" s="52" t="s">
        <v>78</v>
      </c>
      <c r="BE12" s="84">
        <v>151936764</v>
      </c>
      <c r="BF12" s="53">
        <v>54203160</v>
      </c>
      <c r="BG12" s="53">
        <v>26007696</v>
      </c>
      <c r="BH12" s="85">
        <v>232147620</v>
      </c>
      <c r="BI12" s="79">
        <v>22428</v>
      </c>
      <c r="BJ12" s="80">
        <v>127992784</v>
      </c>
      <c r="BK12" s="81">
        <v>360140404</v>
      </c>
      <c r="BL12" s="51">
        <v>6</v>
      </c>
      <c r="BM12" s="52" t="s">
        <v>78</v>
      </c>
      <c r="BN12" s="55">
        <v>25676</v>
      </c>
      <c r="BO12" s="54"/>
      <c r="BP12" s="74">
        <v>5771</v>
      </c>
      <c r="BQ12" s="54"/>
      <c r="BR12" s="86">
        <v>2267</v>
      </c>
      <c r="BS12" s="57"/>
      <c r="BT12" s="55">
        <v>2260</v>
      </c>
      <c r="BU12" s="58">
        <v>10298</v>
      </c>
      <c r="BV12" s="82">
        <v>30769</v>
      </c>
      <c r="BW12" s="54"/>
      <c r="BX12" s="76">
        <v>6298</v>
      </c>
      <c r="BY12" s="60"/>
      <c r="BZ12" s="77">
        <v>2742</v>
      </c>
      <c r="CA12" s="61"/>
      <c r="CB12" s="55">
        <v>2781</v>
      </c>
      <c r="CC12" s="62">
        <v>11821</v>
      </c>
      <c r="CD12" s="63">
        <v>0.2248</v>
      </c>
      <c r="CE12" s="63">
        <v>8.8300000000000003E-2</v>
      </c>
      <c r="CF12" s="65">
        <v>8.7999999999999995E-2</v>
      </c>
      <c r="CG12" s="66">
        <v>0.40110000000000001</v>
      </c>
      <c r="CH12" s="51">
        <v>6</v>
      </c>
      <c r="CI12" s="52" t="s">
        <v>78</v>
      </c>
      <c r="CJ12" s="84">
        <v>81019512</v>
      </c>
      <c r="CK12" s="53">
        <v>24341160</v>
      </c>
      <c r="CL12" s="53">
        <v>9820320</v>
      </c>
      <c r="CM12" s="85">
        <v>115180992</v>
      </c>
      <c r="CN12" s="79">
        <v>36496</v>
      </c>
      <c r="CO12" s="80">
        <v>61682254</v>
      </c>
      <c r="CP12" s="81">
        <v>176863246</v>
      </c>
    </row>
    <row r="13" spans="1:94" s="7" customFormat="1" ht="12.95" customHeight="1" x14ac:dyDescent="0.15">
      <c r="A13" s="50" t="e">
        <v>#REF!</v>
      </c>
      <c r="B13" s="51">
        <v>7</v>
      </c>
      <c r="C13" s="52" t="s">
        <v>79</v>
      </c>
      <c r="D13" s="53">
        <v>30137</v>
      </c>
      <c r="E13" s="54"/>
      <c r="F13" s="77">
        <v>7359</v>
      </c>
      <c r="G13" s="54"/>
      <c r="H13" s="86">
        <v>3492</v>
      </c>
      <c r="I13" s="57"/>
      <c r="J13" s="55">
        <v>3415</v>
      </c>
      <c r="K13" s="58">
        <v>14266</v>
      </c>
      <c r="L13" s="53">
        <v>49302</v>
      </c>
      <c r="M13" s="54"/>
      <c r="N13" s="76">
        <v>9650</v>
      </c>
      <c r="O13" s="60"/>
      <c r="P13" s="77">
        <v>6407</v>
      </c>
      <c r="Q13" s="61"/>
      <c r="R13" s="55">
        <v>6363</v>
      </c>
      <c r="S13" s="62">
        <v>22420</v>
      </c>
      <c r="T13" s="63">
        <v>0.2442</v>
      </c>
      <c r="U13" s="64">
        <v>0.1159</v>
      </c>
      <c r="V13" s="65">
        <v>0.1133</v>
      </c>
      <c r="W13" s="66">
        <v>0.47339999999999999</v>
      </c>
      <c r="X13" s="51">
        <v>7</v>
      </c>
      <c r="Y13" s="52" t="s">
        <v>79</v>
      </c>
      <c r="Z13" s="78">
        <v>250038390</v>
      </c>
      <c r="AA13" s="78">
        <v>104343625</v>
      </c>
      <c r="AB13" s="78">
        <v>41029320</v>
      </c>
      <c r="AC13" s="69">
        <v>395411335</v>
      </c>
      <c r="AD13" s="79">
        <v>75085</v>
      </c>
      <c r="AE13" s="80">
        <v>238144842</v>
      </c>
      <c r="AF13" s="81">
        <v>633556177</v>
      </c>
      <c r="AG13" s="51">
        <v>7</v>
      </c>
      <c r="AH13" s="52" t="s">
        <v>79</v>
      </c>
      <c r="AI13" s="55">
        <v>30137</v>
      </c>
      <c r="AJ13" s="54"/>
      <c r="AK13" s="77">
        <v>7359</v>
      </c>
      <c r="AL13" s="54"/>
      <c r="AM13" s="86">
        <v>3492</v>
      </c>
      <c r="AN13" s="57"/>
      <c r="AO13" s="55">
        <v>3415</v>
      </c>
      <c r="AP13" s="58">
        <v>14266</v>
      </c>
      <c r="AQ13" s="82">
        <v>49302</v>
      </c>
      <c r="AR13" s="54"/>
      <c r="AS13" s="76">
        <v>9650</v>
      </c>
      <c r="AT13" s="60"/>
      <c r="AU13" s="77">
        <v>6407</v>
      </c>
      <c r="AV13" s="61"/>
      <c r="AW13" s="55">
        <v>6363</v>
      </c>
      <c r="AX13" s="62">
        <v>22420</v>
      </c>
      <c r="AY13" s="63">
        <v>0.2442</v>
      </c>
      <c r="AZ13" s="63">
        <v>0.1159</v>
      </c>
      <c r="BA13" s="65">
        <v>0.1133</v>
      </c>
      <c r="BB13" s="66">
        <v>0.47339999999999999</v>
      </c>
      <c r="BC13" s="51">
        <v>7</v>
      </c>
      <c r="BD13" s="52" t="s">
        <v>79</v>
      </c>
      <c r="BE13" s="84">
        <v>95236190</v>
      </c>
      <c r="BF13" s="53">
        <v>39735125</v>
      </c>
      <c r="BG13" s="53">
        <v>15624120</v>
      </c>
      <c r="BH13" s="85">
        <v>150595435</v>
      </c>
      <c r="BI13" s="79">
        <v>29293</v>
      </c>
      <c r="BJ13" s="80">
        <v>92907730</v>
      </c>
      <c r="BK13" s="81">
        <v>243503165</v>
      </c>
      <c r="BL13" s="51">
        <v>7</v>
      </c>
      <c r="BM13" s="52" t="s">
        <v>79</v>
      </c>
      <c r="BN13" s="55">
        <v>13164</v>
      </c>
      <c r="BO13" s="54"/>
      <c r="BP13" s="77">
        <v>2925</v>
      </c>
      <c r="BQ13" s="54"/>
      <c r="BR13" s="86">
        <v>1320</v>
      </c>
      <c r="BS13" s="57"/>
      <c r="BT13" s="55">
        <v>1291</v>
      </c>
      <c r="BU13" s="58">
        <v>5536</v>
      </c>
      <c r="BV13" s="82">
        <v>15758</v>
      </c>
      <c r="BW13" s="54"/>
      <c r="BX13" s="76">
        <v>3159</v>
      </c>
      <c r="BY13" s="60"/>
      <c r="BZ13" s="77">
        <v>1606</v>
      </c>
      <c r="CA13" s="61"/>
      <c r="CB13" s="55">
        <v>1572</v>
      </c>
      <c r="CC13" s="62">
        <v>6337</v>
      </c>
      <c r="CD13" s="63">
        <v>0.22220000000000001</v>
      </c>
      <c r="CE13" s="63">
        <v>0.1003</v>
      </c>
      <c r="CF13" s="65">
        <v>9.8100000000000007E-2</v>
      </c>
      <c r="CG13" s="66">
        <v>0.42049999999999998</v>
      </c>
      <c r="CH13" s="51">
        <v>7</v>
      </c>
      <c r="CI13" s="52" t="s">
        <v>79</v>
      </c>
      <c r="CJ13" s="84">
        <v>36543780</v>
      </c>
      <c r="CK13" s="53">
        <v>12735800</v>
      </c>
      <c r="CL13" s="53">
        <v>4985120</v>
      </c>
      <c r="CM13" s="85">
        <v>54264700</v>
      </c>
      <c r="CN13" s="79">
        <v>35623</v>
      </c>
      <c r="CO13" s="80">
        <v>32169350</v>
      </c>
      <c r="CP13" s="81">
        <v>86434050</v>
      </c>
    </row>
    <row r="14" spans="1:94" s="7" customFormat="1" ht="12.95" customHeight="1" x14ac:dyDescent="0.15">
      <c r="A14" s="50" t="e">
        <v>#REF!</v>
      </c>
      <c r="B14" s="51">
        <v>8</v>
      </c>
      <c r="C14" s="52" t="s">
        <v>80</v>
      </c>
      <c r="D14" s="53">
        <v>35009</v>
      </c>
      <c r="E14" s="54"/>
      <c r="F14" s="74">
        <v>7829</v>
      </c>
      <c r="G14" s="54"/>
      <c r="H14" s="86">
        <v>3418</v>
      </c>
      <c r="I14" s="57"/>
      <c r="J14" s="55">
        <v>4016</v>
      </c>
      <c r="K14" s="58">
        <v>15263</v>
      </c>
      <c r="L14" s="53">
        <v>58105</v>
      </c>
      <c r="M14" s="54"/>
      <c r="N14" s="76">
        <v>10462</v>
      </c>
      <c r="O14" s="60"/>
      <c r="P14" s="77">
        <v>6475</v>
      </c>
      <c r="Q14" s="61"/>
      <c r="R14" s="55">
        <v>7523</v>
      </c>
      <c r="S14" s="62">
        <v>24460</v>
      </c>
      <c r="T14" s="63">
        <v>0.22359999999999999</v>
      </c>
      <c r="U14" s="64">
        <v>9.7600000000000006E-2</v>
      </c>
      <c r="V14" s="65">
        <v>0.1147</v>
      </c>
      <c r="W14" s="66">
        <v>0.436</v>
      </c>
      <c r="X14" s="51">
        <v>8</v>
      </c>
      <c r="Y14" s="52" t="s">
        <v>80</v>
      </c>
      <c r="Z14" s="78">
        <v>295361325</v>
      </c>
      <c r="AA14" s="78">
        <v>109869400</v>
      </c>
      <c r="AB14" s="78">
        <v>50423530</v>
      </c>
      <c r="AC14" s="69">
        <v>455654255</v>
      </c>
      <c r="AD14" s="79">
        <v>81052</v>
      </c>
      <c r="AE14" s="80">
        <v>279936587</v>
      </c>
      <c r="AF14" s="81">
        <v>735590842</v>
      </c>
      <c r="AG14" s="51">
        <v>8</v>
      </c>
      <c r="AH14" s="52" t="s">
        <v>80</v>
      </c>
      <c r="AI14" s="55">
        <v>35009</v>
      </c>
      <c r="AJ14" s="54"/>
      <c r="AK14" s="74">
        <v>7829</v>
      </c>
      <c r="AL14" s="54"/>
      <c r="AM14" s="86">
        <v>3418</v>
      </c>
      <c r="AN14" s="57"/>
      <c r="AO14" s="55">
        <v>4016</v>
      </c>
      <c r="AP14" s="58">
        <v>15263</v>
      </c>
      <c r="AQ14" s="82">
        <v>58105</v>
      </c>
      <c r="AR14" s="54"/>
      <c r="AS14" s="76">
        <v>10462</v>
      </c>
      <c r="AT14" s="60"/>
      <c r="AU14" s="77">
        <v>6475</v>
      </c>
      <c r="AV14" s="61"/>
      <c r="AW14" s="55">
        <v>7523</v>
      </c>
      <c r="AX14" s="62">
        <v>24460</v>
      </c>
      <c r="AY14" s="63">
        <v>0.22359999999999999</v>
      </c>
      <c r="AZ14" s="63">
        <v>9.7600000000000006E-2</v>
      </c>
      <c r="BA14" s="65">
        <v>0.1147</v>
      </c>
      <c r="BB14" s="66">
        <v>0.436</v>
      </c>
      <c r="BC14" s="51">
        <v>8</v>
      </c>
      <c r="BD14" s="52" t="s">
        <v>80</v>
      </c>
      <c r="BE14" s="84">
        <v>86590685</v>
      </c>
      <c r="BF14" s="53">
        <v>32247576</v>
      </c>
      <c r="BG14" s="53">
        <v>14801075</v>
      </c>
      <c r="BH14" s="85">
        <v>133639336</v>
      </c>
      <c r="BI14" s="79">
        <v>23709</v>
      </c>
      <c r="BJ14" s="80">
        <v>81885908</v>
      </c>
      <c r="BK14" s="81">
        <v>215525244</v>
      </c>
      <c r="BL14" s="51">
        <v>8</v>
      </c>
      <c r="BM14" s="52" t="s">
        <v>80</v>
      </c>
      <c r="BN14" s="55">
        <v>15115</v>
      </c>
      <c r="BO14" s="54"/>
      <c r="BP14" s="74">
        <v>3261</v>
      </c>
      <c r="BQ14" s="54"/>
      <c r="BR14" s="86">
        <v>1454</v>
      </c>
      <c r="BS14" s="57"/>
      <c r="BT14" s="55">
        <v>1422</v>
      </c>
      <c r="BU14" s="58">
        <v>6137</v>
      </c>
      <c r="BV14" s="82">
        <v>18224</v>
      </c>
      <c r="BW14" s="54"/>
      <c r="BX14" s="76">
        <v>3589</v>
      </c>
      <c r="BY14" s="60"/>
      <c r="BZ14" s="77">
        <v>1779</v>
      </c>
      <c r="CA14" s="61"/>
      <c r="CB14" s="55">
        <v>1741</v>
      </c>
      <c r="CC14" s="62">
        <v>7109</v>
      </c>
      <c r="CD14" s="63">
        <v>0.2157</v>
      </c>
      <c r="CE14" s="63">
        <v>9.6199999999999994E-2</v>
      </c>
      <c r="CF14" s="65">
        <v>9.4100000000000003E-2</v>
      </c>
      <c r="CG14" s="66">
        <v>0.40600000000000003</v>
      </c>
      <c r="CH14" s="51">
        <v>8</v>
      </c>
      <c r="CI14" s="52" t="s">
        <v>80</v>
      </c>
      <c r="CJ14" s="84">
        <v>35985460</v>
      </c>
      <c r="CK14" s="53">
        <v>12140000</v>
      </c>
      <c r="CL14" s="53">
        <v>4750880</v>
      </c>
      <c r="CM14" s="85">
        <v>52876340</v>
      </c>
      <c r="CN14" s="79">
        <v>30703</v>
      </c>
      <c r="CO14" s="80">
        <v>31124859</v>
      </c>
      <c r="CP14" s="81">
        <v>84001199</v>
      </c>
    </row>
    <row r="15" spans="1:94" s="7" customFormat="1" ht="12.95" customHeight="1" x14ac:dyDescent="0.15">
      <c r="A15" s="50" t="e">
        <v>#REF!</v>
      </c>
      <c r="B15" s="51">
        <v>9</v>
      </c>
      <c r="C15" s="52" t="s">
        <v>81</v>
      </c>
      <c r="D15" s="53">
        <v>9661</v>
      </c>
      <c r="E15" s="54"/>
      <c r="F15" s="77">
        <v>2154</v>
      </c>
      <c r="G15" s="54"/>
      <c r="H15" s="86">
        <v>786</v>
      </c>
      <c r="I15" s="57"/>
      <c r="J15" s="55">
        <v>0</v>
      </c>
      <c r="K15" s="58">
        <v>2940</v>
      </c>
      <c r="L15" s="53">
        <v>15454</v>
      </c>
      <c r="M15" s="54"/>
      <c r="N15" s="76">
        <v>2931</v>
      </c>
      <c r="O15" s="60"/>
      <c r="P15" s="77">
        <v>1447</v>
      </c>
      <c r="Q15" s="61"/>
      <c r="R15" s="55">
        <v>0</v>
      </c>
      <c r="S15" s="62">
        <v>4378</v>
      </c>
      <c r="T15" s="63">
        <v>0.223</v>
      </c>
      <c r="U15" s="64">
        <v>8.14E-2</v>
      </c>
      <c r="V15" s="65">
        <v>0</v>
      </c>
      <c r="W15" s="66">
        <v>0.30430000000000001</v>
      </c>
      <c r="X15" s="51">
        <v>9</v>
      </c>
      <c r="Y15" s="52" t="s">
        <v>81</v>
      </c>
      <c r="Z15" s="78">
        <v>43513800</v>
      </c>
      <c r="AA15" s="78">
        <v>13019750</v>
      </c>
      <c r="AB15" s="78">
        <v>0</v>
      </c>
      <c r="AC15" s="69">
        <v>56533550</v>
      </c>
      <c r="AD15" s="79">
        <v>72561</v>
      </c>
      <c r="AE15" s="80">
        <v>46600851</v>
      </c>
      <c r="AF15" s="81">
        <v>103134401</v>
      </c>
      <c r="AG15" s="51">
        <v>9</v>
      </c>
      <c r="AH15" s="52" t="s">
        <v>81</v>
      </c>
      <c r="AI15" s="55">
        <v>9661</v>
      </c>
      <c r="AJ15" s="54"/>
      <c r="AK15" s="77">
        <v>2154</v>
      </c>
      <c r="AL15" s="54"/>
      <c r="AM15" s="86">
        <v>786</v>
      </c>
      <c r="AN15" s="57"/>
      <c r="AO15" s="55">
        <v>0</v>
      </c>
      <c r="AP15" s="58">
        <v>2940</v>
      </c>
      <c r="AQ15" s="82">
        <v>15454</v>
      </c>
      <c r="AR15" s="54"/>
      <c r="AS15" s="76">
        <v>2931</v>
      </c>
      <c r="AT15" s="60"/>
      <c r="AU15" s="77">
        <v>1447</v>
      </c>
      <c r="AV15" s="61"/>
      <c r="AW15" s="55">
        <v>0</v>
      </c>
      <c r="AX15" s="62">
        <v>4378</v>
      </c>
      <c r="AY15" s="63">
        <v>0.223</v>
      </c>
      <c r="AZ15" s="63">
        <v>8.14E-2</v>
      </c>
      <c r="BA15" s="65">
        <v>0</v>
      </c>
      <c r="BB15" s="66">
        <v>0.30430000000000001</v>
      </c>
      <c r="BC15" s="51">
        <v>9</v>
      </c>
      <c r="BD15" s="52" t="s">
        <v>81</v>
      </c>
      <c r="BE15" s="84">
        <v>18663000</v>
      </c>
      <c r="BF15" s="53">
        <v>5587810</v>
      </c>
      <c r="BG15" s="53">
        <v>0</v>
      </c>
      <c r="BH15" s="85">
        <v>24250810</v>
      </c>
      <c r="BI15" s="79">
        <v>32430</v>
      </c>
      <c r="BJ15" s="80">
        <v>20827519</v>
      </c>
      <c r="BK15" s="81">
        <v>45078329</v>
      </c>
      <c r="BL15" s="51">
        <v>9</v>
      </c>
      <c r="BM15" s="52" t="s">
        <v>81</v>
      </c>
      <c r="BN15" s="55">
        <v>4271</v>
      </c>
      <c r="BO15" s="54"/>
      <c r="BP15" s="77">
        <v>922</v>
      </c>
      <c r="BQ15" s="54"/>
      <c r="BR15" s="86">
        <v>356</v>
      </c>
      <c r="BS15" s="57"/>
      <c r="BT15" s="55">
        <v>0</v>
      </c>
      <c r="BU15" s="58">
        <v>1278</v>
      </c>
      <c r="BV15" s="82">
        <v>5021</v>
      </c>
      <c r="BW15" s="54"/>
      <c r="BX15" s="76">
        <v>1001</v>
      </c>
      <c r="BY15" s="60"/>
      <c r="BZ15" s="77">
        <v>436</v>
      </c>
      <c r="CA15" s="61"/>
      <c r="CB15" s="55">
        <v>0</v>
      </c>
      <c r="CC15" s="62">
        <v>1437</v>
      </c>
      <c r="CD15" s="63">
        <v>0.21590000000000001</v>
      </c>
      <c r="CE15" s="63">
        <v>8.3400000000000002E-2</v>
      </c>
      <c r="CF15" s="65">
        <v>0</v>
      </c>
      <c r="CG15" s="66">
        <v>0.29920000000000002</v>
      </c>
      <c r="CH15" s="51">
        <v>9</v>
      </c>
      <c r="CI15" s="52" t="s">
        <v>81</v>
      </c>
      <c r="CJ15" s="84">
        <v>4796940</v>
      </c>
      <c r="CK15" s="53">
        <v>1343680</v>
      </c>
      <c r="CL15" s="53">
        <v>0</v>
      </c>
      <c r="CM15" s="85">
        <v>6140620</v>
      </c>
      <c r="CN15" s="79">
        <v>26672</v>
      </c>
      <c r="CO15" s="80">
        <v>5632860</v>
      </c>
      <c r="CP15" s="81">
        <v>11773480</v>
      </c>
    </row>
    <row r="16" spans="1:94" s="7" customFormat="1" ht="12.95" customHeight="1" x14ac:dyDescent="0.15">
      <c r="A16" s="50" t="e">
        <v>#REF!</v>
      </c>
      <c r="B16" s="51">
        <v>10</v>
      </c>
      <c r="C16" s="52" t="s">
        <v>82</v>
      </c>
      <c r="D16" s="53">
        <v>107233</v>
      </c>
      <c r="E16" s="57"/>
      <c r="F16" s="74">
        <v>25848</v>
      </c>
      <c r="G16" s="57"/>
      <c r="H16" s="86">
        <v>10794</v>
      </c>
      <c r="I16" s="57"/>
      <c r="J16" s="55">
        <v>11568</v>
      </c>
      <c r="K16" s="58">
        <v>48210</v>
      </c>
      <c r="L16" s="53">
        <v>173985</v>
      </c>
      <c r="M16" s="87"/>
      <c r="N16" s="76">
        <v>33695</v>
      </c>
      <c r="O16" s="87"/>
      <c r="P16" s="77">
        <v>19783</v>
      </c>
      <c r="Q16" s="87"/>
      <c r="R16" s="55">
        <v>21450</v>
      </c>
      <c r="S16" s="62">
        <v>74928</v>
      </c>
      <c r="T16" s="63">
        <v>0.24099999999999999</v>
      </c>
      <c r="U16" s="64">
        <v>0.1007</v>
      </c>
      <c r="V16" s="65">
        <v>0.1079</v>
      </c>
      <c r="W16" s="66">
        <v>0.4496</v>
      </c>
      <c r="X16" s="51">
        <v>10</v>
      </c>
      <c r="Y16" s="52" t="s">
        <v>82</v>
      </c>
      <c r="Z16" s="78">
        <v>881402620</v>
      </c>
      <c r="AA16" s="78">
        <v>324678100</v>
      </c>
      <c r="AB16" s="78">
        <v>139003440</v>
      </c>
      <c r="AC16" s="69">
        <v>1345084160</v>
      </c>
      <c r="AD16" s="79">
        <v>76604</v>
      </c>
      <c r="AE16" s="80">
        <v>812949991</v>
      </c>
      <c r="AF16" s="81">
        <v>2158034151</v>
      </c>
      <c r="AG16" s="51">
        <v>10</v>
      </c>
      <c r="AH16" s="52" t="s">
        <v>82</v>
      </c>
      <c r="AI16" s="55">
        <v>107233</v>
      </c>
      <c r="AJ16" s="54"/>
      <c r="AK16" s="74">
        <v>25848</v>
      </c>
      <c r="AL16" s="54"/>
      <c r="AM16" s="86">
        <v>10794</v>
      </c>
      <c r="AN16" s="54"/>
      <c r="AO16" s="55">
        <v>11568</v>
      </c>
      <c r="AP16" s="58">
        <v>48210</v>
      </c>
      <c r="AQ16" s="82">
        <v>173985</v>
      </c>
      <c r="AR16" s="54"/>
      <c r="AS16" s="76">
        <v>33695</v>
      </c>
      <c r="AT16" s="83"/>
      <c r="AU16" s="77">
        <v>19783</v>
      </c>
      <c r="AV16" s="54"/>
      <c r="AW16" s="55">
        <v>21450</v>
      </c>
      <c r="AX16" s="62">
        <v>74928</v>
      </c>
      <c r="AY16" s="63">
        <v>0.24099999999999999</v>
      </c>
      <c r="AZ16" s="63">
        <v>0.1007</v>
      </c>
      <c r="BA16" s="65">
        <v>0.1079</v>
      </c>
      <c r="BB16" s="66">
        <v>0.4496</v>
      </c>
      <c r="BC16" s="51">
        <v>10</v>
      </c>
      <c r="BD16" s="52" t="s">
        <v>82</v>
      </c>
      <c r="BE16" s="84">
        <v>320593280</v>
      </c>
      <c r="BF16" s="53">
        <v>123208400</v>
      </c>
      <c r="BG16" s="53">
        <v>52983360</v>
      </c>
      <c r="BH16" s="85">
        <v>496785040</v>
      </c>
      <c r="BI16" s="79">
        <v>28531</v>
      </c>
      <c r="BJ16" s="80">
        <v>302781529</v>
      </c>
      <c r="BK16" s="81">
        <v>799566569</v>
      </c>
      <c r="BL16" s="51">
        <v>10</v>
      </c>
      <c r="BM16" s="52" t="s">
        <v>82</v>
      </c>
      <c r="BN16" s="55">
        <v>47158</v>
      </c>
      <c r="BO16" s="54"/>
      <c r="BP16" s="74">
        <v>10308</v>
      </c>
      <c r="BQ16" s="54"/>
      <c r="BR16" s="86">
        <v>4493</v>
      </c>
      <c r="BS16" s="54"/>
      <c r="BT16" s="55">
        <v>4270</v>
      </c>
      <c r="BU16" s="58">
        <v>19071</v>
      </c>
      <c r="BV16" s="82">
        <v>55700</v>
      </c>
      <c r="BW16" s="54"/>
      <c r="BX16" s="76">
        <v>11170</v>
      </c>
      <c r="BY16" s="83"/>
      <c r="BZ16" s="77">
        <v>5307</v>
      </c>
      <c r="CA16" s="54"/>
      <c r="CB16" s="55">
        <v>5097</v>
      </c>
      <c r="CC16" s="62">
        <v>21574</v>
      </c>
      <c r="CD16" s="63">
        <v>0.21859999999999999</v>
      </c>
      <c r="CE16" s="63">
        <v>9.5299999999999996E-2</v>
      </c>
      <c r="CF16" s="65">
        <v>9.0499999999999997E-2</v>
      </c>
      <c r="CG16" s="66">
        <v>0.40439999999999998</v>
      </c>
      <c r="CH16" s="51">
        <v>10</v>
      </c>
      <c r="CI16" s="52" t="s">
        <v>82</v>
      </c>
      <c r="CJ16" s="84">
        <v>92915340</v>
      </c>
      <c r="CK16" s="53">
        <v>30440250</v>
      </c>
      <c r="CL16" s="53">
        <v>11645460</v>
      </c>
      <c r="CM16" s="85">
        <v>135001050</v>
      </c>
      <c r="CN16" s="79">
        <v>26783</v>
      </c>
      <c r="CO16" s="80">
        <v>82520834</v>
      </c>
      <c r="CP16" s="81">
        <v>217521884</v>
      </c>
    </row>
    <row r="17" spans="1:94" s="7" customFormat="1" ht="12.95" customHeight="1" x14ac:dyDescent="0.15">
      <c r="A17" s="50" t="e">
        <v>#REF!</v>
      </c>
      <c r="B17" s="51">
        <v>11</v>
      </c>
      <c r="C17" s="52" t="s">
        <v>83</v>
      </c>
      <c r="D17" s="53">
        <v>8789</v>
      </c>
      <c r="E17" s="54"/>
      <c r="F17" s="77">
        <v>2006</v>
      </c>
      <c r="G17" s="54"/>
      <c r="H17" s="86">
        <v>1007</v>
      </c>
      <c r="I17" s="57"/>
      <c r="J17" s="55">
        <v>1054</v>
      </c>
      <c r="K17" s="58">
        <v>4067</v>
      </c>
      <c r="L17" s="53">
        <v>15767</v>
      </c>
      <c r="M17" s="54"/>
      <c r="N17" s="76">
        <v>2701</v>
      </c>
      <c r="O17" s="60"/>
      <c r="P17" s="77">
        <v>1825</v>
      </c>
      <c r="Q17" s="61"/>
      <c r="R17" s="55">
        <v>2023</v>
      </c>
      <c r="S17" s="62">
        <v>6549</v>
      </c>
      <c r="T17" s="63">
        <v>0.22819999999999999</v>
      </c>
      <c r="U17" s="64">
        <v>0.11459999999999999</v>
      </c>
      <c r="V17" s="65">
        <v>0.11990000000000001</v>
      </c>
      <c r="W17" s="66">
        <v>0.4627</v>
      </c>
      <c r="X17" s="51">
        <v>11</v>
      </c>
      <c r="Y17" s="52" t="s">
        <v>83</v>
      </c>
      <c r="Z17" s="78">
        <v>73288845</v>
      </c>
      <c r="AA17" s="78">
        <v>33072075</v>
      </c>
      <c r="AB17" s="78">
        <v>14466690</v>
      </c>
      <c r="AC17" s="69">
        <v>120827610</v>
      </c>
      <c r="AD17" s="79">
        <v>83773</v>
      </c>
      <c r="AE17" s="80">
        <v>77376094</v>
      </c>
      <c r="AF17" s="81">
        <v>198203704</v>
      </c>
      <c r="AG17" s="51">
        <v>11</v>
      </c>
      <c r="AH17" s="52" t="s">
        <v>83</v>
      </c>
      <c r="AI17" s="55">
        <v>8789</v>
      </c>
      <c r="AJ17" s="54"/>
      <c r="AK17" s="77">
        <v>2006</v>
      </c>
      <c r="AL17" s="54"/>
      <c r="AM17" s="86">
        <v>1007</v>
      </c>
      <c r="AN17" s="57"/>
      <c r="AO17" s="55">
        <v>1054</v>
      </c>
      <c r="AP17" s="58">
        <v>4067</v>
      </c>
      <c r="AQ17" s="82">
        <v>15767</v>
      </c>
      <c r="AR17" s="54"/>
      <c r="AS17" s="76">
        <v>2701</v>
      </c>
      <c r="AT17" s="60"/>
      <c r="AU17" s="77">
        <v>1825</v>
      </c>
      <c r="AV17" s="61"/>
      <c r="AW17" s="55">
        <v>2023</v>
      </c>
      <c r="AX17" s="62">
        <v>6549</v>
      </c>
      <c r="AY17" s="63">
        <v>0.22819999999999999</v>
      </c>
      <c r="AZ17" s="63">
        <v>0.11459999999999999</v>
      </c>
      <c r="BA17" s="65">
        <v>0.11990000000000001</v>
      </c>
      <c r="BB17" s="66">
        <v>0.4627</v>
      </c>
      <c r="BC17" s="51">
        <v>11</v>
      </c>
      <c r="BD17" s="52" t="s">
        <v>83</v>
      </c>
      <c r="BE17" s="84">
        <v>20419560</v>
      </c>
      <c r="BF17" s="53">
        <v>9855000</v>
      </c>
      <c r="BG17" s="53">
        <v>4369680</v>
      </c>
      <c r="BH17" s="85">
        <v>34644240</v>
      </c>
      <c r="BI17" s="79">
        <v>25185</v>
      </c>
      <c r="BJ17" s="80">
        <v>23261874</v>
      </c>
      <c r="BK17" s="81">
        <v>57906114</v>
      </c>
      <c r="BL17" s="51">
        <v>11</v>
      </c>
      <c r="BM17" s="52" t="s">
        <v>83</v>
      </c>
      <c r="BN17" s="55">
        <v>4124</v>
      </c>
      <c r="BO17" s="54"/>
      <c r="BP17" s="77">
        <v>828</v>
      </c>
      <c r="BQ17" s="54"/>
      <c r="BR17" s="86">
        <v>418</v>
      </c>
      <c r="BS17" s="57"/>
      <c r="BT17" s="55">
        <v>411</v>
      </c>
      <c r="BU17" s="58">
        <v>1657</v>
      </c>
      <c r="BV17" s="82">
        <v>5228</v>
      </c>
      <c r="BW17" s="54"/>
      <c r="BX17" s="76">
        <v>923</v>
      </c>
      <c r="BY17" s="60"/>
      <c r="BZ17" s="77">
        <v>505</v>
      </c>
      <c r="CA17" s="61"/>
      <c r="CB17" s="55">
        <v>501</v>
      </c>
      <c r="CC17" s="62">
        <v>1929</v>
      </c>
      <c r="CD17" s="63">
        <v>0.20080000000000001</v>
      </c>
      <c r="CE17" s="63">
        <v>0.1014</v>
      </c>
      <c r="CF17" s="65">
        <v>9.9699999999999997E-2</v>
      </c>
      <c r="CG17" s="66">
        <v>0.40179999999999999</v>
      </c>
      <c r="CH17" s="51">
        <v>11</v>
      </c>
      <c r="CI17" s="52" t="s">
        <v>83</v>
      </c>
      <c r="CJ17" s="84">
        <v>9030210</v>
      </c>
      <c r="CK17" s="53">
        <v>3508050</v>
      </c>
      <c r="CL17" s="53">
        <v>1391220</v>
      </c>
      <c r="CM17" s="85">
        <v>13929480</v>
      </c>
      <c r="CN17" s="79">
        <v>32780</v>
      </c>
      <c r="CO17" s="80">
        <v>8990898</v>
      </c>
      <c r="CP17" s="81">
        <v>22920378</v>
      </c>
    </row>
    <row r="18" spans="1:94" s="7" customFormat="1" ht="12.95" customHeight="1" x14ac:dyDescent="0.15">
      <c r="A18" s="50" t="e">
        <v>#REF!</v>
      </c>
      <c r="B18" s="51">
        <v>12</v>
      </c>
      <c r="C18" s="52" t="s">
        <v>84</v>
      </c>
      <c r="D18" s="53">
        <v>26209</v>
      </c>
      <c r="E18" s="54"/>
      <c r="F18" s="74">
        <v>6027</v>
      </c>
      <c r="G18" s="54"/>
      <c r="H18" s="86">
        <v>2770</v>
      </c>
      <c r="I18" s="57"/>
      <c r="J18" s="55">
        <v>3173</v>
      </c>
      <c r="K18" s="58">
        <v>11970</v>
      </c>
      <c r="L18" s="53">
        <v>43080</v>
      </c>
      <c r="M18" s="54"/>
      <c r="N18" s="76">
        <v>7771</v>
      </c>
      <c r="O18" s="60"/>
      <c r="P18" s="77">
        <v>5125</v>
      </c>
      <c r="Q18" s="61"/>
      <c r="R18" s="55">
        <v>5875</v>
      </c>
      <c r="S18" s="62">
        <v>18771</v>
      </c>
      <c r="T18" s="63">
        <v>0.23</v>
      </c>
      <c r="U18" s="64">
        <v>0.1057</v>
      </c>
      <c r="V18" s="65">
        <v>0.1211</v>
      </c>
      <c r="W18" s="66">
        <v>0.45669999999999999</v>
      </c>
      <c r="X18" s="51">
        <v>12</v>
      </c>
      <c r="Y18" s="52" t="s">
        <v>84</v>
      </c>
      <c r="Z18" s="78">
        <v>192456600</v>
      </c>
      <c r="AA18" s="78">
        <v>77444400</v>
      </c>
      <c r="AB18" s="78">
        <v>35086720</v>
      </c>
      <c r="AC18" s="69">
        <v>304987720</v>
      </c>
      <c r="AD18" s="79">
        <v>66113</v>
      </c>
      <c r="AE18" s="80">
        <v>174994500</v>
      </c>
      <c r="AF18" s="81">
        <v>479982220</v>
      </c>
      <c r="AG18" s="51">
        <v>12</v>
      </c>
      <c r="AH18" s="52" t="s">
        <v>84</v>
      </c>
      <c r="AI18" s="55">
        <v>26209</v>
      </c>
      <c r="AJ18" s="54"/>
      <c r="AK18" s="74">
        <v>6027</v>
      </c>
      <c r="AL18" s="54"/>
      <c r="AM18" s="86">
        <v>2770</v>
      </c>
      <c r="AN18" s="57"/>
      <c r="AO18" s="55">
        <v>3173</v>
      </c>
      <c r="AP18" s="58">
        <v>11970</v>
      </c>
      <c r="AQ18" s="82">
        <v>43080</v>
      </c>
      <c r="AR18" s="54"/>
      <c r="AS18" s="76">
        <v>7771</v>
      </c>
      <c r="AT18" s="60"/>
      <c r="AU18" s="77">
        <v>5125</v>
      </c>
      <c r="AV18" s="61"/>
      <c r="AW18" s="55">
        <v>5875</v>
      </c>
      <c r="AX18" s="62">
        <v>18771</v>
      </c>
      <c r="AY18" s="63">
        <v>0.23</v>
      </c>
      <c r="AZ18" s="63">
        <v>0.1057</v>
      </c>
      <c r="BA18" s="65">
        <v>0.1211</v>
      </c>
      <c r="BB18" s="66">
        <v>0.45669999999999999</v>
      </c>
      <c r="BC18" s="51">
        <v>12</v>
      </c>
      <c r="BD18" s="52" t="s">
        <v>84</v>
      </c>
      <c r="BE18" s="84">
        <v>61920039</v>
      </c>
      <c r="BF18" s="53">
        <v>24911563</v>
      </c>
      <c r="BG18" s="53">
        <v>11286155</v>
      </c>
      <c r="BH18" s="85">
        <v>98117757</v>
      </c>
      <c r="BI18" s="79">
        <v>23026</v>
      </c>
      <c r="BJ18" s="80">
        <v>60947520</v>
      </c>
      <c r="BK18" s="81">
        <v>159065277</v>
      </c>
      <c r="BL18" s="51">
        <v>12</v>
      </c>
      <c r="BM18" s="52" t="s">
        <v>84</v>
      </c>
      <c r="BN18" s="55">
        <v>9458</v>
      </c>
      <c r="BO18" s="54"/>
      <c r="BP18" s="74">
        <v>2135</v>
      </c>
      <c r="BQ18" s="54"/>
      <c r="BR18" s="86">
        <v>884</v>
      </c>
      <c r="BS18" s="57"/>
      <c r="BT18" s="55">
        <v>914</v>
      </c>
      <c r="BU18" s="58">
        <v>3933</v>
      </c>
      <c r="BV18" s="82">
        <v>11271</v>
      </c>
      <c r="BW18" s="54"/>
      <c r="BX18" s="76">
        <v>2337</v>
      </c>
      <c r="BY18" s="60"/>
      <c r="BZ18" s="77">
        <v>1074</v>
      </c>
      <c r="CA18" s="61"/>
      <c r="CB18" s="55">
        <v>1118</v>
      </c>
      <c r="CC18" s="62">
        <v>4529</v>
      </c>
      <c r="CD18" s="63">
        <v>0.22570000000000001</v>
      </c>
      <c r="CE18" s="63">
        <v>9.35E-2</v>
      </c>
      <c r="CF18" s="65">
        <v>9.6600000000000005E-2</v>
      </c>
      <c r="CG18" s="66">
        <v>0.4158</v>
      </c>
      <c r="CH18" s="51">
        <v>12</v>
      </c>
      <c r="CI18" s="52" t="s">
        <v>84</v>
      </c>
      <c r="CJ18" s="84">
        <v>20632360</v>
      </c>
      <c r="CK18" s="53">
        <v>6442400</v>
      </c>
      <c r="CL18" s="53">
        <v>2674080</v>
      </c>
      <c r="CM18" s="85">
        <v>29748840</v>
      </c>
      <c r="CN18" s="79">
        <v>26522</v>
      </c>
      <c r="CO18" s="80">
        <v>17139842</v>
      </c>
      <c r="CP18" s="81">
        <v>46888682</v>
      </c>
    </row>
    <row r="19" spans="1:94" s="7" customFormat="1" ht="12.95" customHeight="1" x14ac:dyDescent="0.15">
      <c r="A19" s="50" t="e">
        <v>#REF!</v>
      </c>
      <c r="B19" s="51">
        <v>13</v>
      </c>
      <c r="C19" s="52" t="s">
        <v>85</v>
      </c>
      <c r="D19" s="53">
        <v>35867</v>
      </c>
      <c r="E19" s="54"/>
      <c r="F19" s="77">
        <v>8065</v>
      </c>
      <c r="G19" s="54"/>
      <c r="H19" s="86">
        <v>3490</v>
      </c>
      <c r="I19" s="57"/>
      <c r="J19" s="55">
        <v>4055</v>
      </c>
      <c r="K19" s="58">
        <v>15610</v>
      </c>
      <c r="L19" s="53">
        <v>59942</v>
      </c>
      <c r="M19" s="54"/>
      <c r="N19" s="76">
        <v>11004</v>
      </c>
      <c r="O19" s="60"/>
      <c r="P19" s="77">
        <v>6808</v>
      </c>
      <c r="Q19" s="61"/>
      <c r="R19" s="55">
        <v>7853</v>
      </c>
      <c r="S19" s="62">
        <v>25665</v>
      </c>
      <c r="T19" s="63">
        <v>0.22489999999999999</v>
      </c>
      <c r="U19" s="64">
        <v>9.7299999999999998E-2</v>
      </c>
      <c r="V19" s="65">
        <v>0.11310000000000001</v>
      </c>
      <c r="W19" s="66">
        <v>0.43519999999999998</v>
      </c>
      <c r="X19" s="51">
        <v>13</v>
      </c>
      <c r="Y19" s="52" t="s">
        <v>85</v>
      </c>
      <c r="Z19" s="78">
        <v>311556200</v>
      </c>
      <c r="AA19" s="78">
        <v>118601272</v>
      </c>
      <c r="AB19" s="78">
        <v>54230916</v>
      </c>
      <c r="AC19" s="69">
        <v>484388388</v>
      </c>
      <c r="AD19" s="79">
        <v>77618</v>
      </c>
      <c r="AE19" s="80">
        <v>281334979</v>
      </c>
      <c r="AF19" s="81">
        <v>765723367</v>
      </c>
      <c r="AG19" s="51">
        <v>13</v>
      </c>
      <c r="AH19" s="52" t="s">
        <v>85</v>
      </c>
      <c r="AI19" s="55">
        <v>35867</v>
      </c>
      <c r="AJ19" s="54"/>
      <c r="AK19" s="77">
        <v>8065</v>
      </c>
      <c r="AL19" s="54"/>
      <c r="AM19" s="86">
        <v>3490</v>
      </c>
      <c r="AN19" s="57"/>
      <c r="AO19" s="55">
        <v>4055</v>
      </c>
      <c r="AP19" s="58">
        <v>15610</v>
      </c>
      <c r="AQ19" s="82">
        <v>59942</v>
      </c>
      <c r="AR19" s="54"/>
      <c r="AS19" s="76">
        <v>11004</v>
      </c>
      <c r="AT19" s="60"/>
      <c r="AU19" s="77">
        <v>6808</v>
      </c>
      <c r="AV19" s="61"/>
      <c r="AW19" s="55">
        <v>7853</v>
      </c>
      <c r="AX19" s="62">
        <v>25665</v>
      </c>
      <c r="AY19" s="63">
        <v>0.22489999999999999</v>
      </c>
      <c r="AZ19" s="63">
        <v>9.7299999999999998E-2</v>
      </c>
      <c r="BA19" s="65">
        <v>0.11310000000000001</v>
      </c>
      <c r="BB19" s="66">
        <v>0.43519999999999998</v>
      </c>
      <c r="BC19" s="51">
        <v>13</v>
      </c>
      <c r="BD19" s="52" t="s">
        <v>85</v>
      </c>
      <c r="BE19" s="84">
        <v>108674934</v>
      </c>
      <c r="BF19" s="53">
        <v>41370646</v>
      </c>
      <c r="BG19" s="53">
        <v>18921589</v>
      </c>
      <c r="BH19" s="85">
        <v>168967169</v>
      </c>
      <c r="BI19" s="79">
        <v>27119</v>
      </c>
      <c r="BJ19" s="80">
        <v>98295798</v>
      </c>
      <c r="BK19" s="81">
        <v>267262967</v>
      </c>
      <c r="BL19" s="51">
        <v>13</v>
      </c>
      <c r="BM19" s="52" t="s">
        <v>85</v>
      </c>
      <c r="BN19" s="55">
        <v>15402</v>
      </c>
      <c r="BO19" s="54"/>
      <c r="BP19" s="77">
        <v>3112</v>
      </c>
      <c r="BQ19" s="54"/>
      <c r="BR19" s="86">
        <v>1437</v>
      </c>
      <c r="BS19" s="57"/>
      <c r="BT19" s="55">
        <v>1386</v>
      </c>
      <c r="BU19" s="58">
        <v>5935</v>
      </c>
      <c r="BV19" s="82">
        <v>18348</v>
      </c>
      <c r="BW19" s="54"/>
      <c r="BX19" s="76">
        <v>3367</v>
      </c>
      <c r="BY19" s="60"/>
      <c r="BZ19" s="77">
        <v>1733</v>
      </c>
      <c r="CA19" s="61"/>
      <c r="CB19" s="55">
        <v>1675</v>
      </c>
      <c r="CC19" s="62">
        <v>6775</v>
      </c>
      <c r="CD19" s="63">
        <v>0.2021</v>
      </c>
      <c r="CE19" s="63">
        <v>9.3299999999999994E-2</v>
      </c>
      <c r="CF19" s="65">
        <v>0.09</v>
      </c>
      <c r="CG19" s="66">
        <v>0.38529999999999998</v>
      </c>
      <c r="CH19" s="51">
        <v>13</v>
      </c>
      <c r="CI19" s="52" t="s">
        <v>85</v>
      </c>
      <c r="CJ19" s="84">
        <v>36029701</v>
      </c>
      <c r="CK19" s="53">
        <v>12699019</v>
      </c>
      <c r="CL19" s="53">
        <v>4907244</v>
      </c>
      <c r="CM19" s="85">
        <v>53635964</v>
      </c>
      <c r="CN19" s="79">
        <v>30796</v>
      </c>
      <c r="CO19" s="80">
        <v>29731075</v>
      </c>
      <c r="CP19" s="81">
        <v>83367039</v>
      </c>
    </row>
    <row r="20" spans="1:94" s="7" customFormat="1" ht="12.95" customHeight="1" x14ac:dyDescent="0.15">
      <c r="A20" s="50" t="e">
        <v>#REF!</v>
      </c>
      <c r="B20" s="51">
        <v>14</v>
      </c>
      <c r="C20" s="52" t="s">
        <v>86</v>
      </c>
      <c r="D20" s="53">
        <v>37348</v>
      </c>
      <c r="E20" s="54"/>
      <c r="F20" s="74">
        <v>8515</v>
      </c>
      <c r="G20" s="54"/>
      <c r="H20" s="86">
        <v>3666</v>
      </c>
      <c r="I20" s="57"/>
      <c r="J20" s="55">
        <v>4039</v>
      </c>
      <c r="K20" s="58">
        <v>16220</v>
      </c>
      <c r="L20" s="53">
        <v>60378</v>
      </c>
      <c r="M20" s="54"/>
      <c r="N20" s="76">
        <v>11276</v>
      </c>
      <c r="O20" s="60"/>
      <c r="P20" s="77">
        <v>6850</v>
      </c>
      <c r="Q20" s="61"/>
      <c r="R20" s="55">
        <v>7740</v>
      </c>
      <c r="S20" s="62">
        <v>25866</v>
      </c>
      <c r="T20" s="63">
        <v>0.22800000000000001</v>
      </c>
      <c r="U20" s="64">
        <v>9.8199999999999996E-2</v>
      </c>
      <c r="V20" s="65">
        <v>0.1081</v>
      </c>
      <c r="W20" s="66">
        <v>0.43430000000000002</v>
      </c>
      <c r="X20" s="51">
        <v>14</v>
      </c>
      <c r="Y20" s="52" t="s">
        <v>86</v>
      </c>
      <c r="Z20" s="78">
        <v>266913150</v>
      </c>
      <c r="AA20" s="78">
        <v>100348125</v>
      </c>
      <c r="AB20" s="78">
        <v>44454780</v>
      </c>
      <c r="AC20" s="69">
        <v>411716055</v>
      </c>
      <c r="AD20" s="79">
        <v>72636</v>
      </c>
      <c r="AE20" s="80">
        <v>265600797</v>
      </c>
      <c r="AF20" s="81">
        <v>677316852</v>
      </c>
      <c r="AG20" s="51">
        <v>14</v>
      </c>
      <c r="AH20" s="52" t="s">
        <v>86</v>
      </c>
      <c r="AI20" s="55">
        <v>37348</v>
      </c>
      <c r="AJ20" s="54"/>
      <c r="AK20" s="74">
        <v>8515</v>
      </c>
      <c r="AL20" s="54"/>
      <c r="AM20" s="86">
        <v>3666</v>
      </c>
      <c r="AN20" s="57"/>
      <c r="AO20" s="55">
        <v>4039</v>
      </c>
      <c r="AP20" s="58">
        <v>16220</v>
      </c>
      <c r="AQ20" s="82">
        <v>60378</v>
      </c>
      <c r="AR20" s="54"/>
      <c r="AS20" s="76">
        <v>11276</v>
      </c>
      <c r="AT20" s="60"/>
      <c r="AU20" s="77">
        <v>6850</v>
      </c>
      <c r="AV20" s="61"/>
      <c r="AW20" s="55">
        <v>7740</v>
      </c>
      <c r="AX20" s="62">
        <v>25866</v>
      </c>
      <c r="AY20" s="63">
        <v>0.22800000000000001</v>
      </c>
      <c r="AZ20" s="63">
        <v>9.8199999999999996E-2</v>
      </c>
      <c r="BA20" s="65">
        <v>0.1081</v>
      </c>
      <c r="BB20" s="66">
        <v>0.43430000000000002</v>
      </c>
      <c r="BC20" s="51">
        <v>14</v>
      </c>
      <c r="BD20" s="52" t="s">
        <v>86</v>
      </c>
      <c r="BE20" s="84">
        <v>102277350</v>
      </c>
      <c r="BF20" s="53">
        <v>38285625</v>
      </c>
      <c r="BG20" s="53">
        <v>16949580</v>
      </c>
      <c r="BH20" s="85">
        <v>157512555</v>
      </c>
      <c r="BI20" s="79">
        <v>27115</v>
      </c>
      <c r="BJ20" s="80">
        <v>99148709</v>
      </c>
      <c r="BK20" s="81">
        <v>256661264</v>
      </c>
      <c r="BL20" s="51">
        <v>14</v>
      </c>
      <c r="BM20" s="52" t="s">
        <v>86</v>
      </c>
      <c r="BN20" s="55">
        <v>16310</v>
      </c>
      <c r="BO20" s="54"/>
      <c r="BP20" s="74">
        <v>3360</v>
      </c>
      <c r="BQ20" s="54"/>
      <c r="BR20" s="86">
        <v>1515</v>
      </c>
      <c r="BS20" s="57"/>
      <c r="BT20" s="55">
        <v>1504</v>
      </c>
      <c r="BU20" s="58">
        <v>6379</v>
      </c>
      <c r="BV20" s="82">
        <v>19372</v>
      </c>
      <c r="BW20" s="54"/>
      <c r="BX20" s="76">
        <v>3652</v>
      </c>
      <c r="BY20" s="60"/>
      <c r="BZ20" s="77">
        <v>1809</v>
      </c>
      <c r="CA20" s="61"/>
      <c r="CB20" s="55">
        <v>1844</v>
      </c>
      <c r="CC20" s="62">
        <v>7305</v>
      </c>
      <c r="CD20" s="63">
        <v>0.20599999999999999</v>
      </c>
      <c r="CE20" s="63">
        <v>9.2899999999999996E-2</v>
      </c>
      <c r="CF20" s="65">
        <v>9.2200000000000004E-2</v>
      </c>
      <c r="CG20" s="66">
        <v>0.3911</v>
      </c>
      <c r="CH20" s="51">
        <v>14</v>
      </c>
      <c r="CI20" s="52" t="s">
        <v>86</v>
      </c>
      <c r="CJ20" s="84">
        <v>29695680</v>
      </c>
      <c r="CK20" s="53">
        <v>10148400</v>
      </c>
      <c r="CL20" s="53">
        <v>4099200</v>
      </c>
      <c r="CM20" s="85">
        <v>43943280</v>
      </c>
      <c r="CN20" s="79">
        <v>23583</v>
      </c>
      <c r="CO20" s="80">
        <v>24544715</v>
      </c>
      <c r="CP20" s="81">
        <v>68487995</v>
      </c>
    </row>
    <row r="21" spans="1:94" s="7" customFormat="1" ht="12.95" customHeight="1" x14ac:dyDescent="0.15">
      <c r="A21" s="50" t="e">
        <v>#REF!</v>
      </c>
      <c r="B21" s="51">
        <v>15</v>
      </c>
      <c r="C21" s="52" t="s">
        <v>87</v>
      </c>
      <c r="D21" s="53">
        <v>14829</v>
      </c>
      <c r="E21" s="57"/>
      <c r="F21" s="77">
        <v>3212</v>
      </c>
      <c r="G21" s="57"/>
      <c r="H21" s="86">
        <v>1499</v>
      </c>
      <c r="I21" s="57"/>
      <c r="J21" s="55">
        <v>1681</v>
      </c>
      <c r="K21" s="58">
        <v>6392</v>
      </c>
      <c r="L21" s="53">
        <v>24699</v>
      </c>
      <c r="M21" s="87"/>
      <c r="N21" s="76">
        <v>4209</v>
      </c>
      <c r="O21" s="87"/>
      <c r="P21" s="77">
        <v>2816</v>
      </c>
      <c r="Q21" s="87"/>
      <c r="R21" s="55">
        <v>3185</v>
      </c>
      <c r="S21" s="62">
        <v>10210</v>
      </c>
      <c r="T21" s="63">
        <v>0.21659999999999999</v>
      </c>
      <c r="U21" s="64">
        <v>0.1011</v>
      </c>
      <c r="V21" s="65">
        <v>0.1134</v>
      </c>
      <c r="W21" s="66">
        <v>0.43099999999999999</v>
      </c>
      <c r="X21" s="51">
        <v>15</v>
      </c>
      <c r="Y21" s="52" t="s">
        <v>87</v>
      </c>
      <c r="Z21" s="78">
        <v>105592270</v>
      </c>
      <c r="AA21" s="78">
        <v>43240125</v>
      </c>
      <c r="AB21" s="78">
        <v>19229510</v>
      </c>
      <c r="AC21" s="69">
        <v>168061905</v>
      </c>
      <c r="AD21" s="79">
        <v>70351</v>
      </c>
      <c r="AE21" s="80">
        <v>101280114</v>
      </c>
      <c r="AF21" s="81">
        <v>269342019</v>
      </c>
      <c r="AG21" s="51">
        <v>15</v>
      </c>
      <c r="AH21" s="52" t="s">
        <v>87</v>
      </c>
      <c r="AI21" s="55">
        <v>14829</v>
      </c>
      <c r="AJ21" s="54"/>
      <c r="AK21" s="77">
        <v>3212</v>
      </c>
      <c r="AL21" s="54"/>
      <c r="AM21" s="86">
        <v>1499</v>
      </c>
      <c r="AN21" s="54"/>
      <c r="AO21" s="55">
        <v>1681</v>
      </c>
      <c r="AP21" s="58">
        <v>6392</v>
      </c>
      <c r="AQ21" s="82">
        <v>24699</v>
      </c>
      <c r="AR21" s="54"/>
      <c r="AS21" s="76">
        <v>4209</v>
      </c>
      <c r="AT21" s="83"/>
      <c r="AU21" s="77">
        <v>2816</v>
      </c>
      <c r="AV21" s="54"/>
      <c r="AW21" s="55">
        <v>3185</v>
      </c>
      <c r="AX21" s="62">
        <v>10210</v>
      </c>
      <c r="AY21" s="63">
        <v>0.21659999999999999</v>
      </c>
      <c r="AZ21" s="63">
        <v>0.1011</v>
      </c>
      <c r="BA21" s="65">
        <v>0.1134</v>
      </c>
      <c r="BB21" s="66">
        <v>0.43099999999999999</v>
      </c>
      <c r="BC21" s="51">
        <v>15</v>
      </c>
      <c r="BD21" s="52" t="s">
        <v>87</v>
      </c>
      <c r="BE21" s="84">
        <v>41957601</v>
      </c>
      <c r="BF21" s="53">
        <v>17169199</v>
      </c>
      <c r="BG21" s="53">
        <v>7634715</v>
      </c>
      <c r="BH21" s="85">
        <v>66761515</v>
      </c>
      <c r="BI21" s="79">
        <v>28845</v>
      </c>
      <c r="BJ21" s="80">
        <v>41526416</v>
      </c>
      <c r="BK21" s="81">
        <v>108287931</v>
      </c>
      <c r="BL21" s="51">
        <v>15</v>
      </c>
      <c r="BM21" s="52" t="s">
        <v>87</v>
      </c>
      <c r="BN21" s="55">
        <v>6196</v>
      </c>
      <c r="BO21" s="54"/>
      <c r="BP21" s="77">
        <v>1219</v>
      </c>
      <c r="BQ21" s="54"/>
      <c r="BR21" s="86">
        <v>567</v>
      </c>
      <c r="BS21" s="54"/>
      <c r="BT21" s="55">
        <v>524</v>
      </c>
      <c r="BU21" s="58">
        <v>2310</v>
      </c>
      <c r="BV21" s="82">
        <v>7414</v>
      </c>
      <c r="BW21" s="54"/>
      <c r="BX21" s="76">
        <v>1335</v>
      </c>
      <c r="BY21" s="83"/>
      <c r="BZ21" s="77">
        <v>684</v>
      </c>
      <c r="CA21" s="54"/>
      <c r="CB21" s="55">
        <v>620</v>
      </c>
      <c r="CC21" s="62">
        <v>2639</v>
      </c>
      <c r="CD21" s="63">
        <v>0.19670000000000001</v>
      </c>
      <c r="CE21" s="63">
        <v>9.1499999999999998E-2</v>
      </c>
      <c r="CF21" s="65">
        <v>8.4599999999999995E-2</v>
      </c>
      <c r="CG21" s="66">
        <v>0.37280000000000002</v>
      </c>
      <c r="CH21" s="51">
        <v>15</v>
      </c>
      <c r="CI21" s="52" t="s">
        <v>87</v>
      </c>
      <c r="CJ21" s="84">
        <v>13152510</v>
      </c>
      <c r="CK21" s="53">
        <v>4606200</v>
      </c>
      <c r="CL21" s="53">
        <v>1684560</v>
      </c>
      <c r="CM21" s="85">
        <v>19443270</v>
      </c>
      <c r="CN21" s="79">
        <v>30884</v>
      </c>
      <c r="CO21" s="80">
        <v>11631223</v>
      </c>
      <c r="CP21" s="81">
        <v>31074493</v>
      </c>
    </row>
    <row r="22" spans="1:94" s="7" customFormat="1" ht="12.95" customHeight="1" x14ac:dyDescent="0.15">
      <c r="A22" s="50" t="e">
        <v>#REF!</v>
      </c>
      <c r="B22" s="51">
        <v>16</v>
      </c>
      <c r="C22" s="52" t="s">
        <v>88</v>
      </c>
      <c r="D22" s="53">
        <v>19553</v>
      </c>
      <c r="E22" s="54"/>
      <c r="F22" s="74">
        <v>4485</v>
      </c>
      <c r="G22" s="54"/>
      <c r="H22" s="86">
        <v>1854</v>
      </c>
      <c r="I22" s="57"/>
      <c r="J22" s="55">
        <v>2214</v>
      </c>
      <c r="K22" s="58">
        <v>8553</v>
      </c>
      <c r="L22" s="53">
        <v>32425</v>
      </c>
      <c r="M22" s="54"/>
      <c r="N22" s="76">
        <v>5940</v>
      </c>
      <c r="O22" s="60"/>
      <c r="P22" s="77">
        <v>3526</v>
      </c>
      <c r="Q22" s="61"/>
      <c r="R22" s="55">
        <v>4198</v>
      </c>
      <c r="S22" s="62">
        <v>13664</v>
      </c>
      <c r="T22" s="63">
        <v>0.22939999999999999</v>
      </c>
      <c r="U22" s="64">
        <v>9.4799999999999995E-2</v>
      </c>
      <c r="V22" s="65">
        <v>0.1132</v>
      </c>
      <c r="W22" s="66">
        <v>0.43740000000000001</v>
      </c>
      <c r="X22" s="51">
        <v>16</v>
      </c>
      <c r="Y22" s="52" t="s">
        <v>88</v>
      </c>
      <c r="Z22" s="78">
        <v>155754480</v>
      </c>
      <c r="AA22" s="78">
        <v>58090650</v>
      </c>
      <c r="AB22" s="78">
        <v>27430590</v>
      </c>
      <c r="AC22" s="69">
        <v>241275720</v>
      </c>
      <c r="AD22" s="79">
        <v>71150</v>
      </c>
      <c r="AE22" s="80">
        <v>137346537</v>
      </c>
      <c r="AF22" s="81">
        <v>378622257</v>
      </c>
      <c r="AG22" s="51">
        <v>16</v>
      </c>
      <c r="AH22" s="52" t="s">
        <v>88</v>
      </c>
      <c r="AI22" s="55">
        <v>19553</v>
      </c>
      <c r="AJ22" s="54"/>
      <c r="AK22" s="74">
        <v>4485</v>
      </c>
      <c r="AL22" s="54"/>
      <c r="AM22" s="86">
        <v>1854</v>
      </c>
      <c r="AN22" s="57"/>
      <c r="AO22" s="55">
        <v>2214</v>
      </c>
      <c r="AP22" s="58">
        <v>8553</v>
      </c>
      <c r="AQ22" s="82">
        <v>32425</v>
      </c>
      <c r="AR22" s="54"/>
      <c r="AS22" s="76">
        <v>5940</v>
      </c>
      <c r="AT22" s="60"/>
      <c r="AU22" s="77">
        <v>3526</v>
      </c>
      <c r="AV22" s="61"/>
      <c r="AW22" s="55">
        <v>4198</v>
      </c>
      <c r="AX22" s="62">
        <v>13664</v>
      </c>
      <c r="AY22" s="63">
        <v>0.22939999999999999</v>
      </c>
      <c r="AZ22" s="63">
        <v>9.4799999999999995E-2</v>
      </c>
      <c r="BA22" s="65">
        <v>0.1132</v>
      </c>
      <c r="BB22" s="66">
        <v>0.43740000000000001</v>
      </c>
      <c r="BC22" s="51">
        <v>16</v>
      </c>
      <c r="BD22" s="52" t="s">
        <v>88</v>
      </c>
      <c r="BE22" s="84">
        <v>53980080</v>
      </c>
      <c r="BF22" s="53">
        <v>20066850</v>
      </c>
      <c r="BG22" s="53">
        <v>9473430</v>
      </c>
      <c r="BH22" s="85">
        <v>83520360</v>
      </c>
      <c r="BI22" s="79">
        <v>24458</v>
      </c>
      <c r="BJ22" s="80">
        <v>47213234</v>
      </c>
      <c r="BK22" s="81">
        <v>130733594</v>
      </c>
      <c r="BL22" s="51">
        <v>16</v>
      </c>
      <c r="BM22" s="52" t="s">
        <v>88</v>
      </c>
      <c r="BN22" s="55">
        <v>8350</v>
      </c>
      <c r="BO22" s="54"/>
      <c r="BP22" s="74">
        <v>1763</v>
      </c>
      <c r="BQ22" s="54"/>
      <c r="BR22" s="86">
        <v>764</v>
      </c>
      <c r="BS22" s="57"/>
      <c r="BT22" s="55">
        <v>729</v>
      </c>
      <c r="BU22" s="58">
        <v>3256</v>
      </c>
      <c r="BV22" s="82">
        <v>9877</v>
      </c>
      <c r="BW22" s="54"/>
      <c r="BX22" s="76">
        <v>1978</v>
      </c>
      <c r="BY22" s="60"/>
      <c r="BZ22" s="77">
        <v>902</v>
      </c>
      <c r="CA22" s="61"/>
      <c r="CB22" s="55">
        <v>863</v>
      </c>
      <c r="CC22" s="62">
        <v>3743</v>
      </c>
      <c r="CD22" s="63">
        <v>0.21110000000000001</v>
      </c>
      <c r="CE22" s="63">
        <v>9.1499999999999998E-2</v>
      </c>
      <c r="CF22" s="65">
        <v>8.7300000000000003E-2</v>
      </c>
      <c r="CG22" s="66">
        <v>0.38990000000000002</v>
      </c>
      <c r="CH22" s="51">
        <v>16</v>
      </c>
      <c r="CI22" s="52" t="s">
        <v>88</v>
      </c>
      <c r="CJ22" s="84">
        <v>17184090</v>
      </c>
      <c r="CK22" s="53">
        <v>5507400</v>
      </c>
      <c r="CL22" s="53">
        <v>2105940</v>
      </c>
      <c r="CM22" s="85">
        <v>24797430</v>
      </c>
      <c r="CN22" s="79">
        <v>25437</v>
      </c>
      <c r="CO22" s="80">
        <v>13613119</v>
      </c>
      <c r="CP22" s="81">
        <v>38410549</v>
      </c>
    </row>
    <row r="23" spans="1:94" s="7" customFormat="1" ht="12.95" customHeight="1" x14ac:dyDescent="0.15">
      <c r="A23" s="50" t="e">
        <v>#REF!</v>
      </c>
      <c r="B23" s="51">
        <v>17</v>
      </c>
      <c r="C23" s="52" t="s">
        <v>89</v>
      </c>
      <c r="D23" s="53">
        <v>21055</v>
      </c>
      <c r="E23" s="54"/>
      <c r="F23" s="77">
        <v>4652</v>
      </c>
      <c r="G23" s="54"/>
      <c r="H23" s="86">
        <v>1986</v>
      </c>
      <c r="I23" s="57"/>
      <c r="J23" s="55">
        <v>2379</v>
      </c>
      <c r="K23" s="58">
        <v>9017</v>
      </c>
      <c r="L23" s="53">
        <v>33903</v>
      </c>
      <c r="M23" s="54"/>
      <c r="N23" s="76">
        <v>6041</v>
      </c>
      <c r="O23" s="60"/>
      <c r="P23" s="77">
        <v>3624</v>
      </c>
      <c r="Q23" s="61"/>
      <c r="R23" s="55">
        <v>4385</v>
      </c>
      <c r="S23" s="62">
        <v>14050</v>
      </c>
      <c r="T23" s="63">
        <v>0.22090000000000001</v>
      </c>
      <c r="U23" s="64">
        <v>9.4299999999999995E-2</v>
      </c>
      <c r="V23" s="65">
        <v>0.113</v>
      </c>
      <c r="W23" s="66">
        <v>0.42830000000000001</v>
      </c>
      <c r="X23" s="51">
        <v>17</v>
      </c>
      <c r="Y23" s="52" t="s">
        <v>89</v>
      </c>
      <c r="Z23" s="78">
        <v>141740200</v>
      </c>
      <c r="AA23" s="78">
        <v>53067750</v>
      </c>
      <c r="AB23" s="78">
        <v>25358300</v>
      </c>
      <c r="AC23" s="69">
        <v>220166250</v>
      </c>
      <c r="AD23" s="79">
        <v>67359</v>
      </c>
      <c r="AE23" s="80">
        <v>133610618</v>
      </c>
      <c r="AF23" s="81">
        <v>353776868</v>
      </c>
      <c r="AG23" s="51">
        <v>17</v>
      </c>
      <c r="AH23" s="52" t="s">
        <v>89</v>
      </c>
      <c r="AI23" s="55">
        <v>21055</v>
      </c>
      <c r="AJ23" s="54"/>
      <c r="AK23" s="77">
        <v>4652</v>
      </c>
      <c r="AL23" s="54"/>
      <c r="AM23" s="86">
        <v>1986</v>
      </c>
      <c r="AN23" s="57"/>
      <c r="AO23" s="55">
        <v>2379</v>
      </c>
      <c r="AP23" s="58">
        <v>9017</v>
      </c>
      <c r="AQ23" s="82">
        <v>33903</v>
      </c>
      <c r="AR23" s="54"/>
      <c r="AS23" s="76">
        <v>6041</v>
      </c>
      <c r="AT23" s="60"/>
      <c r="AU23" s="77">
        <v>3624</v>
      </c>
      <c r="AV23" s="61"/>
      <c r="AW23" s="55">
        <v>4385</v>
      </c>
      <c r="AX23" s="62">
        <v>14050</v>
      </c>
      <c r="AY23" s="63">
        <v>0.22090000000000001</v>
      </c>
      <c r="AZ23" s="63">
        <v>9.4299999999999995E-2</v>
      </c>
      <c r="BA23" s="65">
        <v>0.113</v>
      </c>
      <c r="BB23" s="66">
        <v>0.42830000000000001</v>
      </c>
      <c r="BC23" s="51">
        <v>17</v>
      </c>
      <c r="BD23" s="52" t="s">
        <v>89</v>
      </c>
      <c r="BE23" s="84">
        <v>42313250</v>
      </c>
      <c r="BF23" s="53">
        <v>15575250</v>
      </c>
      <c r="BG23" s="53">
        <v>7429600</v>
      </c>
      <c r="BH23" s="85">
        <v>65318100</v>
      </c>
      <c r="BI23" s="79">
        <v>21381</v>
      </c>
      <c r="BJ23" s="80">
        <v>42410496</v>
      </c>
      <c r="BK23" s="81">
        <v>107728596</v>
      </c>
      <c r="BL23" s="51">
        <v>17</v>
      </c>
      <c r="BM23" s="52" t="s">
        <v>89</v>
      </c>
      <c r="BN23" s="55">
        <v>9025</v>
      </c>
      <c r="BO23" s="54"/>
      <c r="BP23" s="77">
        <v>1824</v>
      </c>
      <c r="BQ23" s="54"/>
      <c r="BR23" s="86">
        <v>768</v>
      </c>
      <c r="BS23" s="57"/>
      <c r="BT23" s="55">
        <v>792</v>
      </c>
      <c r="BU23" s="58">
        <v>3384</v>
      </c>
      <c r="BV23" s="82">
        <v>10670</v>
      </c>
      <c r="BW23" s="54"/>
      <c r="BX23" s="76">
        <v>1962</v>
      </c>
      <c r="BY23" s="60"/>
      <c r="BZ23" s="77">
        <v>911</v>
      </c>
      <c r="CA23" s="61"/>
      <c r="CB23" s="55">
        <v>946</v>
      </c>
      <c r="CC23" s="62">
        <v>3819</v>
      </c>
      <c r="CD23" s="63">
        <v>0.2021</v>
      </c>
      <c r="CE23" s="63">
        <v>8.5099999999999995E-2</v>
      </c>
      <c r="CF23" s="65">
        <v>8.7800000000000003E-2</v>
      </c>
      <c r="CG23" s="66">
        <v>0.375</v>
      </c>
      <c r="CH23" s="51">
        <v>17</v>
      </c>
      <c r="CI23" s="52" t="s">
        <v>89</v>
      </c>
      <c r="CJ23" s="84">
        <v>16077180</v>
      </c>
      <c r="CK23" s="53">
        <v>5111150</v>
      </c>
      <c r="CL23" s="53">
        <v>2116840</v>
      </c>
      <c r="CM23" s="85">
        <v>23305170</v>
      </c>
      <c r="CN23" s="79">
        <v>24553</v>
      </c>
      <c r="CO23" s="80">
        <v>13376966</v>
      </c>
      <c r="CP23" s="81">
        <v>36682136</v>
      </c>
    </row>
    <row r="24" spans="1:94" s="7" customFormat="1" ht="12.95" customHeight="1" x14ac:dyDescent="0.15">
      <c r="A24" s="50" t="e">
        <v>#REF!</v>
      </c>
      <c r="B24" s="51">
        <v>18</v>
      </c>
      <c r="C24" s="52" t="s">
        <v>90</v>
      </c>
      <c r="D24" s="53">
        <v>6285</v>
      </c>
      <c r="E24" s="88"/>
      <c r="F24" s="77">
        <v>1329</v>
      </c>
      <c r="G24" s="88"/>
      <c r="H24" s="86">
        <v>701</v>
      </c>
      <c r="I24" s="88"/>
      <c r="J24" s="55">
        <v>767</v>
      </c>
      <c r="K24" s="58">
        <v>2797</v>
      </c>
      <c r="L24" s="53">
        <v>10361</v>
      </c>
      <c r="M24" s="88"/>
      <c r="N24" s="76">
        <v>1799</v>
      </c>
      <c r="O24" s="89"/>
      <c r="P24" s="77">
        <v>1286</v>
      </c>
      <c r="Q24" s="87"/>
      <c r="R24" s="55">
        <v>1452</v>
      </c>
      <c r="S24" s="62">
        <v>4537</v>
      </c>
      <c r="T24" s="63">
        <v>0.21149999999999999</v>
      </c>
      <c r="U24" s="64">
        <v>0.1115</v>
      </c>
      <c r="V24" s="65">
        <v>0.122</v>
      </c>
      <c r="W24" s="66">
        <v>0.44500000000000001</v>
      </c>
      <c r="X24" s="51">
        <v>18</v>
      </c>
      <c r="Y24" s="52" t="s">
        <v>90</v>
      </c>
      <c r="Z24" s="78">
        <v>64089935</v>
      </c>
      <c r="AA24" s="78">
        <v>28223371</v>
      </c>
      <c r="AB24" s="78">
        <v>12643628</v>
      </c>
      <c r="AC24" s="69">
        <v>104956934</v>
      </c>
      <c r="AD24" s="79">
        <v>92684</v>
      </c>
      <c r="AE24" s="80">
        <v>59192636</v>
      </c>
      <c r="AF24" s="81">
        <v>164149570</v>
      </c>
      <c r="AG24" s="51">
        <v>18</v>
      </c>
      <c r="AH24" s="52" t="s">
        <v>90</v>
      </c>
      <c r="AI24" s="55">
        <v>6285</v>
      </c>
      <c r="AJ24" s="88"/>
      <c r="AK24" s="77">
        <v>1329</v>
      </c>
      <c r="AL24" s="88"/>
      <c r="AM24" s="86">
        <v>701</v>
      </c>
      <c r="AN24" s="88"/>
      <c r="AO24" s="55">
        <v>767</v>
      </c>
      <c r="AP24" s="58">
        <v>2797</v>
      </c>
      <c r="AQ24" s="82">
        <v>10361</v>
      </c>
      <c r="AR24" s="88"/>
      <c r="AS24" s="76">
        <v>1799</v>
      </c>
      <c r="AT24" s="89"/>
      <c r="AU24" s="77">
        <v>1286</v>
      </c>
      <c r="AV24" s="87"/>
      <c r="AW24" s="55">
        <v>1452</v>
      </c>
      <c r="AX24" s="62">
        <v>4537</v>
      </c>
      <c r="AY24" s="63">
        <v>0.21149999999999999</v>
      </c>
      <c r="AZ24" s="63">
        <v>0.1115</v>
      </c>
      <c r="BA24" s="65">
        <v>0.122</v>
      </c>
      <c r="BB24" s="66">
        <v>0.44500000000000001</v>
      </c>
      <c r="BC24" s="51">
        <v>18</v>
      </c>
      <c r="BD24" s="52" t="s">
        <v>90</v>
      </c>
      <c r="BE24" s="84">
        <v>15562012</v>
      </c>
      <c r="BF24" s="53">
        <v>6854653</v>
      </c>
      <c r="BG24" s="53">
        <v>3070801</v>
      </c>
      <c r="BH24" s="85">
        <v>25487466</v>
      </c>
      <c r="BI24" s="79">
        <v>22670</v>
      </c>
      <c r="BJ24" s="80">
        <v>14478196</v>
      </c>
      <c r="BK24" s="81">
        <v>39965662</v>
      </c>
      <c r="BL24" s="51">
        <v>18</v>
      </c>
      <c r="BM24" s="52" t="s">
        <v>90</v>
      </c>
      <c r="BN24" s="55">
        <v>2684</v>
      </c>
      <c r="BO24" s="88"/>
      <c r="BP24" s="77">
        <v>553</v>
      </c>
      <c r="BQ24" s="88"/>
      <c r="BR24" s="86">
        <v>245</v>
      </c>
      <c r="BS24" s="88"/>
      <c r="BT24" s="55">
        <v>273</v>
      </c>
      <c r="BU24" s="58">
        <v>1071</v>
      </c>
      <c r="BV24" s="82">
        <v>3219</v>
      </c>
      <c r="BW24" s="88"/>
      <c r="BX24" s="76">
        <v>619</v>
      </c>
      <c r="BY24" s="89"/>
      <c r="BZ24" s="77">
        <v>307</v>
      </c>
      <c r="CA24" s="87"/>
      <c r="CB24" s="55">
        <v>341</v>
      </c>
      <c r="CC24" s="62">
        <v>1267</v>
      </c>
      <c r="CD24" s="63">
        <v>0.20599999999999999</v>
      </c>
      <c r="CE24" s="63">
        <v>9.1300000000000006E-2</v>
      </c>
      <c r="CF24" s="65">
        <v>0.1017</v>
      </c>
      <c r="CG24" s="66">
        <v>0.39900000000000002</v>
      </c>
      <c r="CH24" s="51">
        <v>18</v>
      </c>
      <c r="CI24" s="52" t="s">
        <v>90</v>
      </c>
      <c r="CJ24" s="84">
        <v>5510589</v>
      </c>
      <c r="CK24" s="53">
        <v>1865395</v>
      </c>
      <c r="CL24" s="53">
        <v>829822</v>
      </c>
      <c r="CM24" s="85">
        <v>8205806</v>
      </c>
      <c r="CN24" s="79">
        <v>24252</v>
      </c>
      <c r="CO24" s="80">
        <v>4369240</v>
      </c>
      <c r="CP24" s="81">
        <v>12575046</v>
      </c>
    </row>
    <row r="25" spans="1:94" s="7" customFormat="1" ht="12.95" customHeight="1" thickBot="1" x14ac:dyDescent="0.2">
      <c r="A25" s="90" t="e">
        <v>#REF!</v>
      </c>
      <c r="B25" s="91">
        <v>21</v>
      </c>
      <c r="C25" s="92" t="s">
        <v>91</v>
      </c>
      <c r="D25" s="93">
        <v>14101</v>
      </c>
      <c r="E25" s="94"/>
      <c r="F25" s="55">
        <v>3020</v>
      </c>
      <c r="G25" s="94"/>
      <c r="H25" s="95">
        <v>1320</v>
      </c>
      <c r="I25" s="96"/>
      <c r="J25" s="97">
        <v>1721</v>
      </c>
      <c r="K25" s="98">
        <v>6061</v>
      </c>
      <c r="L25" s="93">
        <v>24220</v>
      </c>
      <c r="M25" s="94"/>
      <c r="N25" s="99">
        <v>4204</v>
      </c>
      <c r="O25" s="100"/>
      <c r="P25" s="97">
        <v>2588</v>
      </c>
      <c r="Q25" s="101"/>
      <c r="R25" s="97">
        <v>3318</v>
      </c>
      <c r="S25" s="102">
        <v>10110</v>
      </c>
      <c r="T25" s="103">
        <v>0.2142</v>
      </c>
      <c r="U25" s="104">
        <v>9.3600000000000003E-2</v>
      </c>
      <c r="V25" s="105">
        <v>0.122</v>
      </c>
      <c r="W25" s="106">
        <v>0.42980000000000002</v>
      </c>
      <c r="X25" s="91">
        <v>21</v>
      </c>
      <c r="Y25" s="92" t="s">
        <v>91</v>
      </c>
      <c r="Z25" s="107">
        <v>88986240</v>
      </c>
      <c r="AA25" s="108">
        <v>33648000</v>
      </c>
      <c r="AB25" s="107">
        <v>17156160</v>
      </c>
      <c r="AC25" s="109">
        <v>139790400</v>
      </c>
      <c r="AD25" s="110">
        <v>65643</v>
      </c>
      <c r="AE25" s="111">
        <v>93492700</v>
      </c>
      <c r="AF25" s="112">
        <v>233283100</v>
      </c>
      <c r="AG25" s="91">
        <v>21</v>
      </c>
      <c r="AH25" s="92" t="s">
        <v>91</v>
      </c>
      <c r="AI25" s="97">
        <v>14101</v>
      </c>
      <c r="AJ25" s="94"/>
      <c r="AK25" s="55">
        <v>3020</v>
      </c>
      <c r="AL25" s="94"/>
      <c r="AM25" s="95">
        <v>1320</v>
      </c>
      <c r="AN25" s="96"/>
      <c r="AO25" s="97">
        <v>1721</v>
      </c>
      <c r="AP25" s="98">
        <v>6061</v>
      </c>
      <c r="AQ25" s="113">
        <v>24220</v>
      </c>
      <c r="AR25" s="94"/>
      <c r="AS25" s="99">
        <v>4204</v>
      </c>
      <c r="AT25" s="100"/>
      <c r="AU25" s="97">
        <v>2588</v>
      </c>
      <c r="AV25" s="101"/>
      <c r="AW25" s="97">
        <v>3318</v>
      </c>
      <c r="AX25" s="93">
        <v>10110</v>
      </c>
      <c r="AY25" s="103">
        <v>0.2142</v>
      </c>
      <c r="AZ25" s="103">
        <v>9.3600000000000003E-2</v>
      </c>
      <c r="BA25" s="105">
        <v>0.122</v>
      </c>
      <c r="BB25" s="106">
        <v>0.42980000000000002</v>
      </c>
      <c r="BC25" s="91">
        <v>21</v>
      </c>
      <c r="BD25" s="92" t="s">
        <v>91</v>
      </c>
      <c r="BE25" s="93">
        <v>34841240</v>
      </c>
      <c r="BF25" s="93">
        <v>13265000</v>
      </c>
      <c r="BG25" s="93">
        <v>6765360</v>
      </c>
      <c r="BH25" s="109">
        <v>54871600</v>
      </c>
      <c r="BI25" s="110">
        <v>24085</v>
      </c>
      <c r="BJ25" s="111">
        <v>34303302</v>
      </c>
      <c r="BK25" s="112">
        <v>89174902</v>
      </c>
      <c r="BL25" s="91">
        <v>21</v>
      </c>
      <c r="BM25" s="92" t="s">
        <v>91</v>
      </c>
      <c r="BN25" s="97">
        <v>5747</v>
      </c>
      <c r="BO25" s="94"/>
      <c r="BP25" s="55">
        <v>1111</v>
      </c>
      <c r="BQ25" s="94"/>
      <c r="BR25" s="95">
        <v>484</v>
      </c>
      <c r="BS25" s="96"/>
      <c r="BT25" s="97">
        <v>541</v>
      </c>
      <c r="BU25" s="98">
        <v>2136</v>
      </c>
      <c r="BV25" s="113">
        <v>6880</v>
      </c>
      <c r="BW25" s="94"/>
      <c r="BX25" s="99">
        <v>1199</v>
      </c>
      <c r="BY25" s="100"/>
      <c r="BZ25" s="97">
        <v>577</v>
      </c>
      <c r="CA25" s="101"/>
      <c r="CB25" s="97">
        <v>647</v>
      </c>
      <c r="CC25" s="93">
        <v>2423</v>
      </c>
      <c r="CD25" s="103">
        <v>0.1933</v>
      </c>
      <c r="CE25" s="103">
        <v>8.4199999999999997E-2</v>
      </c>
      <c r="CF25" s="105">
        <v>9.4100000000000003E-2</v>
      </c>
      <c r="CG25" s="106">
        <v>0.37169999999999997</v>
      </c>
      <c r="CH25" s="91">
        <v>21</v>
      </c>
      <c r="CI25" s="92" t="s">
        <v>91</v>
      </c>
      <c r="CJ25" s="93">
        <v>9702000</v>
      </c>
      <c r="CK25" s="93">
        <v>3183000</v>
      </c>
      <c r="CL25" s="93">
        <v>1425600</v>
      </c>
      <c r="CM25" s="109">
        <v>14310600</v>
      </c>
      <c r="CN25" s="110">
        <v>27482</v>
      </c>
      <c r="CO25" s="111">
        <v>9474145</v>
      </c>
      <c r="CP25" s="112">
        <v>23784745</v>
      </c>
    </row>
    <row r="26" spans="1:94" s="7" customFormat="1" ht="12.95" customHeight="1" thickTop="1" x14ac:dyDescent="0.15">
      <c r="A26" s="50" t="e">
        <v>#REF!</v>
      </c>
      <c r="B26" s="51">
        <v>19</v>
      </c>
      <c r="C26" s="52" t="s">
        <v>92</v>
      </c>
      <c r="D26" s="53">
        <v>5394</v>
      </c>
      <c r="E26" s="88"/>
      <c r="F26" s="114">
        <v>1198</v>
      </c>
      <c r="G26" s="88"/>
      <c r="H26" s="86">
        <v>507</v>
      </c>
      <c r="I26" s="88"/>
      <c r="J26" s="55">
        <v>558</v>
      </c>
      <c r="K26" s="115">
        <v>2263</v>
      </c>
      <c r="L26" s="53">
        <v>9214</v>
      </c>
      <c r="M26" s="88"/>
      <c r="N26" s="59">
        <v>1668</v>
      </c>
      <c r="O26" s="89"/>
      <c r="P26" s="55">
        <v>1036</v>
      </c>
      <c r="Q26" s="87"/>
      <c r="R26" s="55">
        <v>1112</v>
      </c>
      <c r="S26" s="116">
        <v>3816</v>
      </c>
      <c r="T26" s="63">
        <v>0.22209999999999999</v>
      </c>
      <c r="U26" s="64">
        <v>9.4E-2</v>
      </c>
      <c r="V26" s="65">
        <v>0.10340000000000001</v>
      </c>
      <c r="W26" s="66">
        <v>0.41949999999999998</v>
      </c>
      <c r="X26" s="51">
        <v>19</v>
      </c>
      <c r="Y26" s="52" t="s">
        <v>92</v>
      </c>
      <c r="Z26" s="68">
        <v>38133585</v>
      </c>
      <c r="AA26" s="67">
        <v>14762775</v>
      </c>
      <c r="AB26" s="68">
        <v>6332640</v>
      </c>
      <c r="AC26" s="69">
        <v>59229000</v>
      </c>
      <c r="AD26" s="117">
        <v>74292</v>
      </c>
      <c r="AE26" s="118">
        <v>40102822</v>
      </c>
      <c r="AF26" s="119">
        <v>99331822</v>
      </c>
      <c r="AG26" s="51">
        <v>19</v>
      </c>
      <c r="AH26" s="52" t="s">
        <v>92</v>
      </c>
      <c r="AI26" s="55">
        <v>5394</v>
      </c>
      <c r="AJ26" s="88"/>
      <c r="AK26" s="114">
        <v>1198</v>
      </c>
      <c r="AL26" s="88"/>
      <c r="AM26" s="86">
        <v>507</v>
      </c>
      <c r="AN26" s="88"/>
      <c r="AO26" s="55">
        <v>558</v>
      </c>
      <c r="AP26" s="115">
        <v>2263</v>
      </c>
      <c r="AQ26" s="73">
        <v>9214</v>
      </c>
      <c r="AR26" s="88"/>
      <c r="AS26" s="59">
        <v>1668</v>
      </c>
      <c r="AT26" s="89"/>
      <c r="AU26" s="55">
        <v>1036</v>
      </c>
      <c r="AV26" s="87"/>
      <c r="AW26" s="55">
        <v>1112</v>
      </c>
      <c r="AX26" s="120">
        <v>3816</v>
      </c>
      <c r="AY26" s="63">
        <v>0.22209999999999999</v>
      </c>
      <c r="AZ26" s="63">
        <v>9.4E-2</v>
      </c>
      <c r="BA26" s="65">
        <v>0.10340000000000001</v>
      </c>
      <c r="BB26" s="66">
        <v>0.41949999999999998</v>
      </c>
      <c r="BC26" s="51">
        <v>19</v>
      </c>
      <c r="BD26" s="52" t="s">
        <v>92</v>
      </c>
      <c r="BE26" s="53">
        <v>15895635</v>
      </c>
      <c r="BF26" s="53">
        <v>6135525</v>
      </c>
      <c r="BG26" s="53">
        <v>2631840</v>
      </c>
      <c r="BH26" s="69">
        <v>24663000</v>
      </c>
      <c r="BI26" s="117">
        <v>33730</v>
      </c>
      <c r="BJ26" s="118">
        <v>18207454</v>
      </c>
      <c r="BK26" s="119">
        <v>42870454</v>
      </c>
      <c r="BL26" s="51">
        <v>19</v>
      </c>
      <c r="BM26" s="52" t="s">
        <v>92</v>
      </c>
      <c r="BN26" s="55">
        <v>2492</v>
      </c>
      <c r="BO26" s="88"/>
      <c r="BP26" s="114">
        <v>529</v>
      </c>
      <c r="BQ26" s="88"/>
      <c r="BR26" s="86">
        <v>233</v>
      </c>
      <c r="BS26" s="88"/>
      <c r="BT26" s="55">
        <v>215</v>
      </c>
      <c r="BU26" s="115">
        <v>977</v>
      </c>
      <c r="BV26" s="73">
        <v>3078</v>
      </c>
      <c r="BW26" s="88"/>
      <c r="BX26" s="59">
        <v>592</v>
      </c>
      <c r="BY26" s="89"/>
      <c r="BZ26" s="55">
        <v>310</v>
      </c>
      <c r="CA26" s="87"/>
      <c r="CB26" s="55">
        <v>269</v>
      </c>
      <c r="CC26" s="120">
        <v>1171</v>
      </c>
      <c r="CD26" s="63">
        <v>0.21229999999999999</v>
      </c>
      <c r="CE26" s="63">
        <v>9.35E-2</v>
      </c>
      <c r="CF26" s="65">
        <v>8.6300000000000002E-2</v>
      </c>
      <c r="CG26" s="66">
        <v>0.3921</v>
      </c>
      <c r="CH26" s="51">
        <v>19</v>
      </c>
      <c r="CI26" s="52" t="s">
        <v>92</v>
      </c>
      <c r="CJ26" s="53">
        <v>5820920</v>
      </c>
      <c r="CK26" s="53">
        <v>2062800</v>
      </c>
      <c r="CL26" s="53">
        <v>729320</v>
      </c>
      <c r="CM26" s="69">
        <v>8613040</v>
      </c>
      <c r="CN26" s="117">
        <v>36862</v>
      </c>
      <c r="CO26" s="118">
        <v>6162221</v>
      </c>
      <c r="CP26" s="119">
        <v>14775261</v>
      </c>
    </row>
    <row r="27" spans="1:94" s="7" customFormat="1" ht="12.95" customHeight="1" x14ac:dyDescent="0.15">
      <c r="A27" s="50" t="e">
        <v>#REF!</v>
      </c>
      <c r="B27" s="51">
        <v>20</v>
      </c>
      <c r="C27" s="52" t="s">
        <v>93</v>
      </c>
      <c r="D27" s="53">
        <v>7426</v>
      </c>
      <c r="E27" s="54"/>
      <c r="F27" s="77">
        <v>1618</v>
      </c>
      <c r="G27" s="54"/>
      <c r="H27" s="86">
        <v>820</v>
      </c>
      <c r="I27" s="57"/>
      <c r="J27" s="55">
        <v>943</v>
      </c>
      <c r="K27" s="58">
        <v>3381</v>
      </c>
      <c r="L27" s="53">
        <v>12608</v>
      </c>
      <c r="M27" s="54"/>
      <c r="N27" s="76">
        <v>2182</v>
      </c>
      <c r="O27" s="60"/>
      <c r="P27" s="77">
        <v>1560</v>
      </c>
      <c r="Q27" s="61"/>
      <c r="R27" s="55">
        <v>1759</v>
      </c>
      <c r="S27" s="62">
        <v>5501</v>
      </c>
      <c r="T27" s="63">
        <v>0.21790000000000001</v>
      </c>
      <c r="U27" s="64">
        <v>0.1104</v>
      </c>
      <c r="V27" s="65">
        <v>0.127</v>
      </c>
      <c r="W27" s="66">
        <v>0.45529999999999998</v>
      </c>
      <c r="X27" s="51">
        <v>20</v>
      </c>
      <c r="Y27" s="52" t="s">
        <v>93</v>
      </c>
      <c r="Z27" s="78">
        <v>71906520</v>
      </c>
      <c r="AA27" s="78">
        <v>31791625</v>
      </c>
      <c r="AB27" s="78">
        <v>14240220</v>
      </c>
      <c r="AC27" s="69">
        <v>117938365</v>
      </c>
      <c r="AD27" s="79">
        <v>88113</v>
      </c>
      <c r="AE27" s="80">
        <v>68232064</v>
      </c>
      <c r="AF27" s="81">
        <v>186170429</v>
      </c>
      <c r="AG27" s="51">
        <v>20</v>
      </c>
      <c r="AH27" s="52" t="s">
        <v>93</v>
      </c>
      <c r="AI27" s="55">
        <v>7426</v>
      </c>
      <c r="AJ27" s="54"/>
      <c r="AK27" s="77">
        <v>1618</v>
      </c>
      <c r="AL27" s="54"/>
      <c r="AM27" s="86">
        <v>820</v>
      </c>
      <c r="AN27" s="57"/>
      <c r="AO27" s="55">
        <v>943</v>
      </c>
      <c r="AP27" s="58">
        <v>3381</v>
      </c>
      <c r="AQ27" s="82">
        <v>12608</v>
      </c>
      <c r="AR27" s="54"/>
      <c r="AS27" s="76">
        <v>2182</v>
      </c>
      <c r="AT27" s="60"/>
      <c r="AU27" s="77">
        <v>1560</v>
      </c>
      <c r="AV27" s="61"/>
      <c r="AW27" s="55">
        <v>1759</v>
      </c>
      <c r="AX27" s="62">
        <v>5501</v>
      </c>
      <c r="AY27" s="63">
        <v>0.21790000000000001</v>
      </c>
      <c r="AZ27" s="63">
        <v>0.1104</v>
      </c>
      <c r="BA27" s="65">
        <v>0.127</v>
      </c>
      <c r="BB27" s="66">
        <v>0.45529999999999998</v>
      </c>
      <c r="BC27" s="51">
        <v>20</v>
      </c>
      <c r="BD27" s="52" t="s">
        <v>93</v>
      </c>
      <c r="BE27" s="84">
        <v>26824980</v>
      </c>
      <c r="BF27" s="53">
        <v>11863875</v>
      </c>
      <c r="BG27" s="53">
        <v>5314200</v>
      </c>
      <c r="BH27" s="85">
        <v>44003055</v>
      </c>
      <c r="BI27" s="79">
        <v>32881</v>
      </c>
      <c r="BJ27" s="80">
        <v>25462059</v>
      </c>
      <c r="BK27" s="81">
        <v>69465114</v>
      </c>
      <c r="BL27" s="51">
        <v>20</v>
      </c>
      <c r="BM27" s="52" t="s">
        <v>93</v>
      </c>
      <c r="BN27" s="55">
        <v>3041</v>
      </c>
      <c r="BO27" s="54"/>
      <c r="BP27" s="77">
        <v>647</v>
      </c>
      <c r="BQ27" s="54"/>
      <c r="BR27" s="86">
        <v>257</v>
      </c>
      <c r="BS27" s="57"/>
      <c r="BT27" s="55">
        <v>273</v>
      </c>
      <c r="BU27" s="58">
        <v>1177</v>
      </c>
      <c r="BV27" s="82">
        <v>3677</v>
      </c>
      <c r="BW27" s="54"/>
      <c r="BX27" s="76">
        <v>716</v>
      </c>
      <c r="BY27" s="60"/>
      <c r="BZ27" s="77">
        <v>306</v>
      </c>
      <c r="CA27" s="61"/>
      <c r="CB27" s="55">
        <v>330</v>
      </c>
      <c r="CC27" s="62">
        <v>1352</v>
      </c>
      <c r="CD27" s="63">
        <v>0.21279999999999999</v>
      </c>
      <c r="CE27" s="63">
        <v>8.4500000000000006E-2</v>
      </c>
      <c r="CF27" s="65">
        <v>8.9800000000000005E-2</v>
      </c>
      <c r="CG27" s="66">
        <v>0.38700000000000001</v>
      </c>
      <c r="CH27" s="51">
        <v>20</v>
      </c>
      <c r="CI27" s="52" t="s">
        <v>93</v>
      </c>
      <c r="CJ27" s="84">
        <v>9818760</v>
      </c>
      <c r="CK27" s="53">
        <v>2915400</v>
      </c>
      <c r="CL27" s="53">
        <v>1250640</v>
      </c>
      <c r="CM27" s="85">
        <v>13984800</v>
      </c>
      <c r="CN27" s="79">
        <v>38578</v>
      </c>
      <c r="CO27" s="80">
        <v>7450955</v>
      </c>
      <c r="CP27" s="81">
        <v>21435755</v>
      </c>
    </row>
    <row r="28" spans="1:94" s="7" customFormat="1" ht="12.95" customHeight="1" x14ac:dyDescent="0.15">
      <c r="A28" s="50" t="e">
        <v>#REF!</v>
      </c>
      <c r="B28" s="51">
        <v>22</v>
      </c>
      <c r="C28" s="52" t="s">
        <v>94</v>
      </c>
      <c r="D28" s="53">
        <v>5459</v>
      </c>
      <c r="E28" s="54"/>
      <c r="F28" s="74">
        <v>1153</v>
      </c>
      <c r="G28" s="54"/>
      <c r="H28" s="86">
        <v>554</v>
      </c>
      <c r="I28" s="57"/>
      <c r="J28" s="55">
        <v>670</v>
      </c>
      <c r="K28" s="58">
        <v>2377</v>
      </c>
      <c r="L28" s="53">
        <v>9107</v>
      </c>
      <c r="M28" s="54"/>
      <c r="N28" s="76">
        <v>1484</v>
      </c>
      <c r="O28" s="60"/>
      <c r="P28" s="77">
        <v>1017</v>
      </c>
      <c r="Q28" s="61"/>
      <c r="R28" s="55">
        <v>1260</v>
      </c>
      <c r="S28" s="62">
        <v>3761</v>
      </c>
      <c r="T28" s="63">
        <v>0.2112</v>
      </c>
      <c r="U28" s="64">
        <v>0.10150000000000001</v>
      </c>
      <c r="V28" s="65">
        <v>0.1227</v>
      </c>
      <c r="W28" s="66">
        <v>0.43540000000000001</v>
      </c>
      <c r="X28" s="51">
        <v>22</v>
      </c>
      <c r="Y28" s="52" t="s">
        <v>94</v>
      </c>
      <c r="Z28" s="78">
        <v>40887770</v>
      </c>
      <c r="AA28" s="78">
        <v>16967150</v>
      </c>
      <c r="AB28" s="78">
        <v>8204550</v>
      </c>
      <c r="AC28" s="69">
        <v>66059470</v>
      </c>
      <c r="AD28" s="79">
        <v>78530</v>
      </c>
      <c r="AE28" s="80">
        <v>41525093</v>
      </c>
      <c r="AF28" s="81">
        <v>107584563</v>
      </c>
      <c r="AG28" s="51">
        <v>22</v>
      </c>
      <c r="AH28" s="52" t="s">
        <v>94</v>
      </c>
      <c r="AI28" s="55">
        <v>5459</v>
      </c>
      <c r="AJ28" s="54"/>
      <c r="AK28" s="74">
        <v>1153</v>
      </c>
      <c r="AL28" s="54"/>
      <c r="AM28" s="86">
        <v>554</v>
      </c>
      <c r="AN28" s="57"/>
      <c r="AO28" s="55">
        <v>670</v>
      </c>
      <c r="AP28" s="58">
        <v>2377</v>
      </c>
      <c r="AQ28" s="82">
        <v>9107</v>
      </c>
      <c r="AR28" s="54"/>
      <c r="AS28" s="76">
        <v>1484</v>
      </c>
      <c r="AT28" s="60"/>
      <c r="AU28" s="77">
        <v>1017</v>
      </c>
      <c r="AV28" s="61"/>
      <c r="AW28" s="55">
        <v>1260</v>
      </c>
      <c r="AX28" s="62">
        <v>3761</v>
      </c>
      <c r="AY28" s="63">
        <v>0.2112</v>
      </c>
      <c r="AZ28" s="63">
        <v>0.10150000000000001</v>
      </c>
      <c r="BA28" s="65">
        <v>0.1227</v>
      </c>
      <c r="BB28" s="66">
        <v>0.43540000000000001</v>
      </c>
      <c r="BC28" s="51">
        <v>22</v>
      </c>
      <c r="BD28" s="52" t="s">
        <v>94</v>
      </c>
      <c r="BE28" s="84">
        <v>10284120</v>
      </c>
      <c r="BF28" s="53">
        <v>5034150</v>
      </c>
      <c r="BG28" s="53">
        <v>2494800</v>
      </c>
      <c r="BH28" s="85">
        <v>17813070</v>
      </c>
      <c r="BI28" s="79">
        <v>25592</v>
      </c>
      <c r="BJ28" s="80">
        <v>13532538</v>
      </c>
      <c r="BK28" s="81">
        <v>31345608</v>
      </c>
      <c r="BL28" s="51">
        <v>22</v>
      </c>
      <c r="BM28" s="52" t="s">
        <v>94</v>
      </c>
      <c r="BN28" s="55">
        <v>2305</v>
      </c>
      <c r="BO28" s="54"/>
      <c r="BP28" s="74">
        <v>472</v>
      </c>
      <c r="BQ28" s="54"/>
      <c r="BR28" s="86">
        <v>215</v>
      </c>
      <c r="BS28" s="57"/>
      <c r="BT28" s="55">
        <v>239</v>
      </c>
      <c r="BU28" s="58">
        <v>926</v>
      </c>
      <c r="BV28" s="82">
        <v>2799</v>
      </c>
      <c r="BW28" s="54"/>
      <c r="BX28" s="76">
        <v>519</v>
      </c>
      <c r="BY28" s="60"/>
      <c r="BZ28" s="77">
        <v>260</v>
      </c>
      <c r="CA28" s="61"/>
      <c r="CB28" s="55">
        <v>298</v>
      </c>
      <c r="CC28" s="62">
        <v>1077</v>
      </c>
      <c r="CD28" s="63">
        <v>0.20480000000000001</v>
      </c>
      <c r="CE28" s="63">
        <v>9.3299999999999994E-2</v>
      </c>
      <c r="CF28" s="65">
        <v>0.1037</v>
      </c>
      <c r="CG28" s="66">
        <v>0.4017</v>
      </c>
      <c r="CH28" s="51">
        <v>22</v>
      </c>
      <c r="CI28" s="52" t="s">
        <v>94</v>
      </c>
      <c r="CJ28" s="84">
        <v>3633000</v>
      </c>
      <c r="CK28" s="53">
        <v>1300000</v>
      </c>
      <c r="CL28" s="53">
        <v>596000</v>
      </c>
      <c r="CM28" s="85">
        <v>5529000</v>
      </c>
      <c r="CN28" s="79">
        <v>24775</v>
      </c>
      <c r="CO28" s="80">
        <v>3790328</v>
      </c>
      <c r="CP28" s="81">
        <v>9319328</v>
      </c>
    </row>
    <row r="29" spans="1:94" s="7" customFormat="1" ht="12.95" customHeight="1" x14ac:dyDescent="0.15">
      <c r="A29" s="50" t="e">
        <v>#REF!</v>
      </c>
      <c r="B29" s="51">
        <v>23</v>
      </c>
      <c r="C29" s="52" t="s">
        <v>95</v>
      </c>
      <c r="D29" s="53">
        <v>4610</v>
      </c>
      <c r="E29" s="54"/>
      <c r="F29" s="77">
        <v>940</v>
      </c>
      <c r="G29" s="54"/>
      <c r="H29" s="86">
        <v>431</v>
      </c>
      <c r="I29" s="57"/>
      <c r="J29" s="55">
        <v>599</v>
      </c>
      <c r="K29" s="58">
        <v>1970</v>
      </c>
      <c r="L29" s="53">
        <v>7534</v>
      </c>
      <c r="M29" s="54"/>
      <c r="N29" s="76">
        <v>1248</v>
      </c>
      <c r="O29" s="60"/>
      <c r="P29" s="77">
        <v>813</v>
      </c>
      <c r="Q29" s="61"/>
      <c r="R29" s="55">
        <v>1098</v>
      </c>
      <c r="S29" s="62">
        <v>3159</v>
      </c>
      <c r="T29" s="63">
        <v>0.2039</v>
      </c>
      <c r="U29" s="64">
        <v>9.35E-2</v>
      </c>
      <c r="V29" s="65">
        <v>0.12989999999999999</v>
      </c>
      <c r="W29" s="66">
        <v>0.42730000000000001</v>
      </c>
      <c r="X29" s="51">
        <v>23</v>
      </c>
      <c r="Y29" s="52" t="s">
        <v>95</v>
      </c>
      <c r="Z29" s="78">
        <v>35022750</v>
      </c>
      <c r="AA29" s="78">
        <v>14227500</v>
      </c>
      <c r="AB29" s="78">
        <v>7631000</v>
      </c>
      <c r="AC29" s="69">
        <v>56881250</v>
      </c>
      <c r="AD29" s="79">
        <v>78138</v>
      </c>
      <c r="AE29" s="80">
        <v>34674519</v>
      </c>
      <c r="AF29" s="81">
        <v>91555769</v>
      </c>
      <c r="AG29" s="51">
        <v>23</v>
      </c>
      <c r="AH29" s="52" t="s">
        <v>95</v>
      </c>
      <c r="AI29" s="55">
        <v>4610</v>
      </c>
      <c r="AJ29" s="54"/>
      <c r="AK29" s="77">
        <v>940</v>
      </c>
      <c r="AL29" s="54"/>
      <c r="AM29" s="86">
        <v>431</v>
      </c>
      <c r="AN29" s="57"/>
      <c r="AO29" s="55">
        <v>599</v>
      </c>
      <c r="AP29" s="58">
        <v>1970</v>
      </c>
      <c r="AQ29" s="82">
        <v>7534</v>
      </c>
      <c r="AR29" s="54"/>
      <c r="AS29" s="76">
        <v>1248</v>
      </c>
      <c r="AT29" s="60"/>
      <c r="AU29" s="77">
        <v>813</v>
      </c>
      <c r="AV29" s="61"/>
      <c r="AW29" s="55">
        <v>1098</v>
      </c>
      <c r="AX29" s="62">
        <v>3159</v>
      </c>
      <c r="AY29" s="63">
        <v>0.2039</v>
      </c>
      <c r="AZ29" s="63">
        <v>9.35E-2</v>
      </c>
      <c r="BA29" s="65">
        <v>0.12989999999999999</v>
      </c>
      <c r="BB29" s="66">
        <v>0.42730000000000001</v>
      </c>
      <c r="BC29" s="51">
        <v>23</v>
      </c>
      <c r="BD29" s="52" t="s">
        <v>95</v>
      </c>
      <c r="BE29" s="84">
        <v>6923700</v>
      </c>
      <c r="BF29" s="53">
        <v>2845500</v>
      </c>
      <c r="BG29" s="53">
        <v>1527200</v>
      </c>
      <c r="BH29" s="85">
        <v>11296400</v>
      </c>
      <c r="BI29" s="79">
        <v>19698</v>
      </c>
      <c r="BJ29" s="80">
        <v>8741185</v>
      </c>
      <c r="BK29" s="81">
        <v>20037585</v>
      </c>
      <c r="BL29" s="51">
        <v>23</v>
      </c>
      <c r="BM29" s="52" t="s">
        <v>95</v>
      </c>
      <c r="BN29" s="55">
        <v>1882</v>
      </c>
      <c r="BO29" s="54"/>
      <c r="BP29" s="77">
        <v>365</v>
      </c>
      <c r="BQ29" s="54"/>
      <c r="BR29" s="86">
        <v>176</v>
      </c>
      <c r="BS29" s="57"/>
      <c r="BT29" s="55">
        <v>196</v>
      </c>
      <c r="BU29" s="58">
        <v>737</v>
      </c>
      <c r="BV29" s="82">
        <v>2231</v>
      </c>
      <c r="BW29" s="54"/>
      <c r="BX29" s="76">
        <v>402</v>
      </c>
      <c r="BY29" s="60"/>
      <c r="BZ29" s="77">
        <v>211</v>
      </c>
      <c r="CA29" s="61"/>
      <c r="CB29" s="55">
        <v>236</v>
      </c>
      <c r="CC29" s="62">
        <v>849</v>
      </c>
      <c r="CD29" s="63">
        <v>0.19389999999999999</v>
      </c>
      <c r="CE29" s="63">
        <v>9.35E-2</v>
      </c>
      <c r="CF29" s="65">
        <v>0.1041</v>
      </c>
      <c r="CG29" s="66">
        <v>0.3916</v>
      </c>
      <c r="CH29" s="51">
        <v>23</v>
      </c>
      <c r="CI29" s="52" t="s">
        <v>95</v>
      </c>
      <c r="CJ29" s="84">
        <v>3939600</v>
      </c>
      <c r="CK29" s="53">
        <v>1477000</v>
      </c>
      <c r="CL29" s="53">
        <v>660800</v>
      </c>
      <c r="CM29" s="85">
        <v>6077400</v>
      </c>
      <c r="CN29" s="79">
        <v>28599</v>
      </c>
      <c r="CO29" s="80">
        <v>3446751</v>
      </c>
      <c r="CP29" s="81">
        <v>9524151</v>
      </c>
    </row>
    <row r="30" spans="1:94" s="7" customFormat="1" ht="12.95" customHeight="1" x14ac:dyDescent="0.15">
      <c r="A30" s="50" t="e">
        <v>#REF!</v>
      </c>
      <c r="B30" s="51">
        <v>24</v>
      </c>
      <c r="C30" s="52" t="s">
        <v>96</v>
      </c>
      <c r="D30" s="53">
        <v>1624</v>
      </c>
      <c r="E30" s="54"/>
      <c r="F30" s="74">
        <v>288</v>
      </c>
      <c r="G30" s="54"/>
      <c r="H30" s="86">
        <v>150</v>
      </c>
      <c r="I30" s="57"/>
      <c r="J30" s="55">
        <v>199</v>
      </c>
      <c r="K30" s="58">
        <v>637</v>
      </c>
      <c r="L30" s="53">
        <v>2832</v>
      </c>
      <c r="M30" s="54"/>
      <c r="N30" s="76">
        <v>403</v>
      </c>
      <c r="O30" s="60"/>
      <c r="P30" s="77">
        <v>296</v>
      </c>
      <c r="Q30" s="61"/>
      <c r="R30" s="55">
        <v>372</v>
      </c>
      <c r="S30" s="62">
        <v>1071</v>
      </c>
      <c r="T30" s="63">
        <v>0.17730000000000001</v>
      </c>
      <c r="U30" s="64">
        <v>9.2399999999999996E-2</v>
      </c>
      <c r="V30" s="65">
        <v>0.1225</v>
      </c>
      <c r="W30" s="66">
        <v>0.39219999999999999</v>
      </c>
      <c r="X30" s="51">
        <v>24</v>
      </c>
      <c r="Y30" s="52" t="s">
        <v>96</v>
      </c>
      <c r="Z30" s="78">
        <v>10960775</v>
      </c>
      <c r="AA30" s="78">
        <v>4913250</v>
      </c>
      <c r="AB30" s="78">
        <v>2512100</v>
      </c>
      <c r="AC30" s="69">
        <v>18386125</v>
      </c>
      <c r="AD30" s="79">
        <v>76161</v>
      </c>
      <c r="AE30" s="80">
        <v>11443190</v>
      </c>
      <c r="AF30" s="81">
        <v>29829315</v>
      </c>
      <c r="AG30" s="51">
        <v>24</v>
      </c>
      <c r="AH30" s="52" t="s">
        <v>96</v>
      </c>
      <c r="AI30" s="55">
        <v>1624</v>
      </c>
      <c r="AJ30" s="54"/>
      <c r="AK30" s="74">
        <v>288</v>
      </c>
      <c r="AL30" s="54"/>
      <c r="AM30" s="86">
        <v>150</v>
      </c>
      <c r="AN30" s="57"/>
      <c r="AO30" s="55">
        <v>199</v>
      </c>
      <c r="AP30" s="58">
        <v>637</v>
      </c>
      <c r="AQ30" s="82">
        <v>2832</v>
      </c>
      <c r="AR30" s="54"/>
      <c r="AS30" s="76">
        <v>403</v>
      </c>
      <c r="AT30" s="60"/>
      <c r="AU30" s="77">
        <v>296</v>
      </c>
      <c r="AV30" s="61"/>
      <c r="AW30" s="55">
        <v>372</v>
      </c>
      <c r="AX30" s="62">
        <v>1071</v>
      </c>
      <c r="AY30" s="63">
        <v>0.17730000000000001</v>
      </c>
      <c r="AZ30" s="63">
        <v>9.2399999999999996E-2</v>
      </c>
      <c r="BA30" s="65">
        <v>0.1225</v>
      </c>
      <c r="BB30" s="66">
        <v>0.39219999999999999</v>
      </c>
      <c r="BC30" s="51">
        <v>24</v>
      </c>
      <c r="BD30" s="52" t="s">
        <v>96</v>
      </c>
      <c r="BE30" s="84">
        <v>2867550</v>
      </c>
      <c r="BF30" s="53">
        <v>1303500</v>
      </c>
      <c r="BG30" s="53">
        <v>665400</v>
      </c>
      <c r="BH30" s="85">
        <v>4836450</v>
      </c>
      <c r="BI30" s="79">
        <v>19272</v>
      </c>
      <c r="BJ30" s="80">
        <v>2895618</v>
      </c>
      <c r="BK30" s="81">
        <v>7732068</v>
      </c>
      <c r="BL30" s="51">
        <v>24</v>
      </c>
      <c r="BM30" s="52" t="s">
        <v>96</v>
      </c>
      <c r="BN30" s="55">
        <v>653</v>
      </c>
      <c r="BO30" s="54"/>
      <c r="BP30" s="74">
        <v>120</v>
      </c>
      <c r="BQ30" s="54"/>
      <c r="BR30" s="86">
        <v>60</v>
      </c>
      <c r="BS30" s="57"/>
      <c r="BT30" s="55">
        <v>52</v>
      </c>
      <c r="BU30" s="58">
        <v>232</v>
      </c>
      <c r="BV30" s="82">
        <v>799</v>
      </c>
      <c r="BW30" s="54"/>
      <c r="BX30" s="76">
        <v>129</v>
      </c>
      <c r="BY30" s="60"/>
      <c r="BZ30" s="77">
        <v>74</v>
      </c>
      <c r="CA30" s="61"/>
      <c r="CB30" s="55">
        <v>65</v>
      </c>
      <c r="CC30" s="62">
        <v>268</v>
      </c>
      <c r="CD30" s="63">
        <v>0.18379999999999999</v>
      </c>
      <c r="CE30" s="63">
        <v>9.1899999999999996E-2</v>
      </c>
      <c r="CF30" s="65">
        <v>7.9600000000000004E-2</v>
      </c>
      <c r="CG30" s="66">
        <v>0.3553</v>
      </c>
      <c r="CH30" s="51">
        <v>24</v>
      </c>
      <c r="CI30" s="52" t="s">
        <v>96</v>
      </c>
      <c r="CJ30" s="84">
        <v>1310400</v>
      </c>
      <c r="CK30" s="53">
        <v>506000</v>
      </c>
      <c r="CL30" s="53">
        <v>176800</v>
      </c>
      <c r="CM30" s="85">
        <v>1993200</v>
      </c>
      <c r="CN30" s="79">
        <v>28033</v>
      </c>
      <c r="CO30" s="80">
        <v>1069740</v>
      </c>
      <c r="CP30" s="81">
        <v>3062940</v>
      </c>
    </row>
    <row r="31" spans="1:94" s="7" customFormat="1" ht="12.95" customHeight="1" x14ac:dyDescent="0.15">
      <c r="A31" s="50" t="e">
        <v>#REF!</v>
      </c>
      <c r="B31" s="51">
        <v>25</v>
      </c>
      <c r="C31" s="52" t="s">
        <v>97</v>
      </c>
      <c r="D31" s="53">
        <v>2563</v>
      </c>
      <c r="E31" s="54"/>
      <c r="F31" s="77">
        <v>514</v>
      </c>
      <c r="G31" s="54"/>
      <c r="H31" s="86">
        <v>288</v>
      </c>
      <c r="I31" s="57"/>
      <c r="J31" s="55">
        <v>348</v>
      </c>
      <c r="K31" s="58">
        <v>1150</v>
      </c>
      <c r="L31" s="53">
        <v>4408</v>
      </c>
      <c r="M31" s="54"/>
      <c r="N31" s="76">
        <v>708</v>
      </c>
      <c r="O31" s="60"/>
      <c r="P31" s="77">
        <v>563</v>
      </c>
      <c r="Q31" s="61"/>
      <c r="R31" s="55">
        <v>670</v>
      </c>
      <c r="S31" s="62">
        <v>1941</v>
      </c>
      <c r="T31" s="63">
        <v>0.20050000000000001</v>
      </c>
      <c r="U31" s="64">
        <v>0.1124</v>
      </c>
      <c r="V31" s="65">
        <v>0.1358</v>
      </c>
      <c r="W31" s="66">
        <v>0.44869999999999999</v>
      </c>
      <c r="X31" s="51">
        <v>25</v>
      </c>
      <c r="Y31" s="52" t="s">
        <v>97</v>
      </c>
      <c r="Z31" s="78">
        <v>20523090</v>
      </c>
      <c r="AA31" s="78">
        <v>10120825</v>
      </c>
      <c r="AB31" s="78">
        <v>4810520</v>
      </c>
      <c r="AC31" s="69">
        <v>35454435</v>
      </c>
      <c r="AD31" s="79">
        <v>77468</v>
      </c>
      <c r="AE31" s="80">
        <v>21080593</v>
      </c>
      <c r="AF31" s="81">
        <v>56535028</v>
      </c>
      <c r="AG31" s="51">
        <v>25</v>
      </c>
      <c r="AH31" s="52" t="s">
        <v>97</v>
      </c>
      <c r="AI31" s="55">
        <v>2563</v>
      </c>
      <c r="AJ31" s="54"/>
      <c r="AK31" s="77">
        <v>514</v>
      </c>
      <c r="AL31" s="54"/>
      <c r="AM31" s="86">
        <v>288</v>
      </c>
      <c r="AN31" s="57"/>
      <c r="AO31" s="55">
        <v>348</v>
      </c>
      <c r="AP31" s="58">
        <v>1150</v>
      </c>
      <c r="AQ31" s="82">
        <v>4408</v>
      </c>
      <c r="AR31" s="54"/>
      <c r="AS31" s="76">
        <v>708</v>
      </c>
      <c r="AT31" s="60"/>
      <c r="AU31" s="77">
        <v>563</v>
      </c>
      <c r="AV31" s="61"/>
      <c r="AW31" s="55">
        <v>670</v>
      </c>
      <c r="AX31" s="62">
        <v>1941</v>
      </c>
      <c r="AY31" s="63">
        <v>0.20050000000000001</v>
      </c>
      <c r="AZ31" s="63">
        <v>0.1124</v>
      </c>
      <c r="BA31" s="65">
        <v>0.1358</v>
      </c>
      <c r="BB31" s="66">
        <v>0.44869999999999999</v>
      </c>
      <c r="BC31" s="51">
        <v>25</v>
      </c>
      <c r="BD31" s="52" t="s">
        <v>97</v>
      </c>
      <c r="BE31" s="84">
        <v>5560940</v>
      </c>
      <c r="BF31" s="53">
        <v>2753700</v>
      </c>
      <c r="BG31" s="53">
        <v>1308920</v>
      </c>
      <c r="BH31" s="85">
        <v>9623560</v>
      </c>
      <c r="BI31" s="79">
        <v>23366</v>
      </c>
      <c r="BJ31" s="80">
        <v>6358356</v>
      </c>
      <c r="BK31" s="81">
        <v>15981916</v>
      </c>
      <c r="BL31" s="51">
        <v>25</v>
      </c>
      <c r="BM31" s="52" t="s">
        <v>97</v>
      </c>
      <c r="BN31" s="55">
        <v>1114</v>
      </c>
      <c r="BO31" s="54"/>
      <c r="BP31" s="77">
        <v>218</v>
      </c>
      <c r="BQ31" s="54"/>
      <c r="BR31" s="86">
        <v>105</v>
      </c>
      <c r="BS31" s="57"/>
      <c r="BT31" s="55">
        <v>130</v>
      </c>
      <c r="BU31" s="58">
        <v>453</v>
      </c>
      <c r="BV31" s="82">
        <v>1327</v>
      </c>
      <c r="BW31" s="54"/>
      <c r="BX31" s="76">
        <v>242</v>
      </c>
      <c r="BY31" s="60"/>
      <c r="BZ31" s="77">
        <v>129</v>
      </c>
      <c r="CA31" s="61"/>
      <c r="CB31" s="55">
        <v>164</v>
      </c>
      <c r="CC31" s="62">
        <v>535</v>
      </c>
      <c r="CD31" s="63">
        <v>0.19570000000000001</v>
      </c>
      <c r="CE31" s="63">
        <v>9.4299999999999995E-2</v>
      </c>
      <c r="CF31" s="65">
        <v>0.1167</v>
      </c>
      <c r="CG31" s="66">
        <v>0.40660000000000002</v>
      </c>
      <c r="CH31" s="51">
        <v>25</v>
      </c>
      <c r="CI31" s="52" t="s">
        <v>97</v>
      </c>
      <c r="CJ31" s="84">
        <v>2830100</v>
      </c>
      <c r="CK31" s="53">
        <v>1032750</v>
      </c>
      <c r="CL31" s="53">
        <v>519600</v>
      </c>
      <c r="CM31" s="85">
        <v>4382450</v>
      </c>
      <c r="CN31" s="79">
        <v>34142</v>
      </c>
      <c r="CO31" s="80">
        <v>2583867</v>
      </c>
      <c r="CP31" s="81">
        <v>6966317</v>
      </c>
    </row>
    <row r="32" spans="1:94" s="7" customFormat="1" ht="12.95" customHeight="1" x14ac:dyDescent="0.15">
      <c r="A32" s="50" t="e">
        <v>#REF!</v>
      </c>
      <c r="B32" s="51">
        <v>26</v>
      </c>
      <c r="C32" s="52" t="s">
        <v>98</v>
      </c>
      <c r="D32" s="53">
        <v>1828</v>
      </c>
      <c r="E32" s="54"/>
      <c r="F32" s="74">
        <v>421</v>
      </c>
      <c r="G32" s="54"/>
      <c r="H32" s="86">
        <v>222</v>
      </c>
      <c r="I32" s="57"/>
      <c r="J32" s="55">
        <v>246</v>
      </c>
      <c r="K32" s="58">
        <v>889</v>
      </c>
      <c r="L32" s="53">
        <v>2946</v>
      </c>
      <c r="M32" s="54"/>
      <c r="N32" s="76">
        <v>554</v>
      </c>
      <c r="O32" s="60"/>
      <c r="P32" s="77">
        <v>406</v>
      </c>
      <c r="Q32" s="61"/>
      <c r="R32" s="55">
        <v>434</v>
      </c>
      <c r="S32" s="62">
        <v>1394</v>
      </c>
      <c r="T32" s="63">
        <v>0.2303</v>
      </c>
      <c r="U32" s="64">
        <v>0.12139999999999999</v>
      </c>
      <c r="V32" s="65">
        <v>0.1346</v>
      </c>
      <c r="W32" s="66">
        <v>0.48630000000000001</v>
      </c>
      <c r="X32" s="51">
        <v>26</v>
      </c>
      <c r="Y32" s="52" t="s">
        <v>98</v>
      </c>
      <c r="Z32" s="78">
        <v>16568790</v>
      </c>
      <c r="AA32" s="78">
        <v>7452850</v>
      </c>
      <c r="AB32" s="78">
        <v>3207760</v>
      </c>
      <c r="AC32" s="69">
        <v>27229400</v>
      </c>
      <c r="AD32" s="79">
        <v>78805</v>
      </c>
      <c r="AE32" s="80">
        <v>15474150</v>
      </c>
      <c r="AF32" s="81">
        <v>42703550</v>
      </c>
      <c r="AG32" s="51">
        <v>26</v>
      </c>
      <c r="AH32" s="52" t="s">
        <v>98</v>
      </c>
      <c r="AI32" s="55">
        <v>1828</v>
      </c>
      <c r="AJ32" s="54"/>
      <c r="AK32" s="74">
        <v>421</v>
      </c>
      <c r="AL32" s="54"/>
      <c r="AM32" s="86">
        <v>222</v>
      </c>
      <c r="AN32" s="57"/>
      <c r="AO32" s="55">
        <v>246</v>
      </c>
      <c r="AP32" s="58">
        <v>889</v>
      </c>
      <c r="AQ32" s="82">
        <v>2946</v>
      </c>
      <c r="AR32" s="54"/>
      <c r="AS32" s="76">
        <v>554</v>
      </c>
      <c r="AT32" s="60"/>
      <c r="AU32" s="77">
        <v>406</v>
      </c>
      <c r="AV32" s="61"/>
      <c r="AW32" s="55">
        <v>434</v>
      </c>
      <c r="AX32" s="62">
        <v>1394</v>
      </c>
      <c r="AY32" s="63">
        <v>0.2303</v>
      </c>
      <c r="AZ32" s="63">
        <v>0.12139999999999999</v>
      </c>
      <c r="BA32" s="65">
        <v>0.1346</v>
      </c>
      <c r="BB32" s="66">
        <v>0.48630000000000001</v>
      </c>
      <c r="BC32" s="51">
        <v>26</v>
      </c>
      <c r="BD32" s="52" t="s">
        <v>98</v>
      </c>
      <c r="BE32" s="84">
        <v>3702742</v>
      </c>
      <c r="BF32" s="53">
        <v>1687815</v>
      </c>
      <c r="BG32" s="53">
        <v>726000</v>
      </c>
      <c r="BH32" s="85">
        <v>6116557</v>
      </c>
      <c r="BI32" s="79">
        <v>18861</v>
      </c>
      <c r="BJ32" s="80">
        <v>3703546</v>
      </c>
      <c r="BK32" s="81">
        <v>9820103</v>
      </c>
      <c r="BL32" s="51">
        <v>26</v>
      </c>
      <c r="BM32" s="52" t="s">
        <v>98</v>
      </c>
      <c r="BN32" s="55">
        <v>762</v>
      </c>
      <c r="BO32" s="54"/>
      <c r="BP32" s="74">
        <v>168</v>
      </c>
      <c r="BQ32" s="54"/>
      <c r="BR32" s="86">
        <v>85</v>
      </c>
      <c r="BS32" s="57"/>
      <c r="BT32" s="55">
        <v>96</v>
      </c>
      <c r="BU32" s="58">
        <v>349</v>
      </c>
      <c r="BV32" s="82">
        <v>930</v>
      </c>
      <c r="BW32" s="54"/>
      <c r="BX32" s="76">
        <v>187</v>
      </c>
      <c r="BY32" s="60"/>
      <c r="BZ32" s="77">
        <v>105</v>
      </c>
      <c r="CA32" s="61"/>
      <c r="CB32" s="55">
        <v>120</v>
      </c>
      <c r="CC32" s="62">
        <v>412</v>
      </c>
      <c r="CD32" s="63">
        <v>0.2205</v>
      </c>
      <c r="CE32" s="63">
        <v>0.1115</v>
      </c>
      <c r="CF32" s="65">
        <v>0.126</v>
      </c>
      <c r="CG32" s="66">
        <v>0.45800000000000002</v>
      </c>
      <c r="CH32" s="51">
        <v>26</v>
      </c>
      <c r="CI32" s="52" t="s">
        <v>98</v>
      </c>
      <c r="CJ32" s="84">
        <v>1859760</v>
      </c>
      <c r="CK32" s="53">
        <v>709500</v>
      </c>
      <c r="CL32" s="53">
        <v>322560</v>
      </c>
      <c r="CM32" s="85">
        <v>2891820</v>
      </c>
      <c r="CN32" s="79">
        <v>26358</v>
      </c>
      <c r="CO32" s="80">
        <v>1537990</v>
      </c>
      <c r="CP32" s="81">
        <v>4429810</v>
      </c>
    </row>
    <row r="33" spans="1:94" s="7" customFormat="1" ht="12.95" customHeight="1" x14ac:dyDescent="0.15">
      <c r="A33" s="50" t="e">
        <v>#REF!</v>
      </c>
      <c r="B33" s="51">
        <v>27</v>
      </c>
      <c r="C33" s="52" t="s">
        <v>99</v>
      </c>
      <c r="D33" s="53">
        <v>1830</v>
      </c>
      <c r="E33" s="54"/>
      <c r="F33" s="77">
        <v>385</v>
      </c>
      <c r="G33" s="54"/>
      <c r="H33" s="86">
        <v>203</v>
      </c>
      <c r="I33" s="57"/>
      <c r="J33" s="55">
        <v>236</v>
      </c>
      <c r="K33" s="58">
        <v>824</v>
      </c>
      <c r="L33" s="53">
        <v>3032</v>
      </c>
      <c r="M33" s="54"/>
      <c r="N33" s="76">
        <v>475</v>
      </c>
      <c r="O33" s="60"/>
      <c r="P33" s="77">
        <v>381</v>
      </c>
      <c r="Q33" s="61"/>
      <c r="R33" s="55">
        <v>426</v>
      </c>
      <c r="S33" s="62">
        <v>1282</v>
      </c>
      <c r="T33" s="63">
        <v>0.2104</v>
      </c>
      <c r="U33" s="64">
        <v>0.1109</v>
      </c>
      <c r="V33" s="65">
        <v>0.129</v>
      </c>
      <c r="W33" s="66">
        <v>0.45029999999999998</v>
      </c>
      <c r="X33" s="51">
        <v>27</v>
      </c>
      <c r="Y33" s="52" t="s">
        <v>99</v>
      </c>
      <c r="Z33" s="78">
        <v>18481750</v>
      </c>
      <c r="AA33" s="78">
        <v>8363625</v>
      </c>
      <c r="AB33" s="78">
        <v>3749250</v>
      </c>
      <c r="AC33" s="69">
        <v>30594625</v>
      </c>
      <c r="AD33" s="79">
        <v>90784</v>
      </c>
      <c r="AE33" s="80">
        <v>16338397</v>
      </c>
      <c r="AF33" s="81">
        <v>46933022</v>
      </c>
      <c r="AG33" s="51">
        <v>27</v>
      </c>
      <c r="AH33" s="52" t="s">
        <v>99</v>
      </c>
      <c r="AI33" s="55">
        <v>1830</v>
      </c>
      <c r="AJ33" s="54"/>
      <c r="AK33" s="77">
        <v>385</v>
      </c>
      <c r="AL33" s="54"/>
      <c r="AM33" s="86">
        <v>203</v>
      </c>
      <c r="AN33" s="57"/>
      <c r="AO33" s="55">
        <v>236</v>
      </c>
      <c r="AP33" s="58">
        <v>824</v>
      </c>
      <c r="AQ33" s="82">
        <v>3032</v>
      </c>
      <c r="AR33" s="54"/>
      <c r="AS33" s="76">
        <v>475</v>
      </c>
      <c r="AT33" s="60"/>
      <c r="AU33" s="77">
        <v>381</v>
      </c>
      <c r="AV33" s="61"/>
      <c r="AW33" s="55">
        <v>426</v>
      </c>
      <c r="AX33" s="62">
        <v>1282</v>
      </c>
      <c r="AY33" s="63">
        <v>0.2104</v>
      </c>
      <c r="AZ33" s="63">
        <v>0.1109</v>
      </c>
      <c r="BA33" s="65">
        <v>0.129</v>
      </c>
      <c r="BB33" s="66">
        <v>0.45029999999999998</v>
      </c>
      <c r="BC33" s="51">
        <v>27</v>
      </c>
      <c r="BD33" s="52" t="s">
        <v>99</v>
      </c>
      <c r="BE33" s="84">
        <v>4312000</v>
      </c>
      <c r="BF33" s="53">
        <v>2144850</v>
      </c>
      <c r="BG33" s="53">
        <v>960540</v>
      </c>
      <c r="BH33" s="85">
        <v>7417390</v>
      </c>
      <c r="BI33" s="79">
        <v>21321</v>
      </c>
      <c r="BJ33" s="80">
        <v>3837140</v>
      </c>
      <c r="BK33" s="81">
        <v>11254530</v>
      </c>
      <c r="BL33" s="51">
        <v>27</v>
      </c>
      <c r="BM33" s="52" t="s">
        <v>99</v>
      </c>
      <c r="BN33" s="55">
        <v>763</v>
      </c>
      <c r="BO33" s="54"/>
      <c r="BP33" s="77">
        <v>149</v>
      </c>
      <c r="BQ33" s="54"/>
      <c r="BR33" s="86">
        <v>77</v>
      </c>
      <c r="BS33" s="57"/>
      <c r="BT33" s="55">
        <v>76</v>
      </c>
      <c r="BU33" s="58">
        <v>302</v>
      </c>
      <c r="BV33" s="82">
        <v>916</v>
      </c>
      <c r="BW33" s="54"/>
      <c r="BX33" s="76">
        <v>161</v>
      </c>
      <c r="BY33" s="60"/>
      <c r="BZ33" s="77">
        <v>95</v>
      </c>
      <c r="CA33" s="61"/>
      <c r="CB33" s="55">
        <v>94</v>
      </c>
      <c r="CC33" s="62">
        <v>350</v>
      </c>
      <c r="CD33" s="63">
        <v>0.1953</v>
      </c>
      <c r="CE33" s="63">
        <v>0.1009</v>
      </c>
      <c r="CF33" s="65">
        <v>9.9599999999999994E-2</v>
      </c>
      <c r="CG33" s="66">
        <v>0.39579999999999999</v>
      </c>
      <c r="CH33" s="51">
        <v>27</v>
      </c>
      <c r="CI33" s="52" t="s">
        <v>99</v>
      </c>
      <c r="CJ33" s="84">
        <v>1057420</v>
      </c>
      <c r="CK33" s="53">
        <v>415100</v>
      </c>
      <c r="CL33" s="53">
        <v>164080</v>
      </c>
      <c r="CM33" s="85">
        <v>1636600</v>
      </c>
      <c r="CN33" s="79">
        <v>19773</v>
      </c>
      <c r="CO33" s="80">
        <v>982125</v>
      </c>
      <c r="CP33" s="81">
        <v>2618725</v>
      </c>
    </row>
    <row r="34" spans="1:94" s="7" customFormat="1" ht="12.95" customHeight="1" x14ac:dyDescent="0.15">
      <c r="A34" s="50" t="e">
        <v>#REF!</v>
      </c>
      <c r="B34" s="51">
        <v>28</v>
      </c>
      <c r="C34" s="52" t="s">
        <v>100</v>
      </c>
      <c r="D34" s="53">
        <v>2187</v>
      </c>
      <c r="E34" s="54"/>
      <c r="F34" s="74">
        <v>411</v>
      </c>
      <c r="G34" s="54"/>
      <c r="H34" s="86">
        <v>252</v>
      </c>
      <c r="I34" s="57"/>
      <c r="J34" s="55">
        <v>298</v>
      </c>
      <c r="K34" s="58">
        <v>961</v>
      </c>
      <c r="L34" s="53">
        <v>3703</v>
      </c>
      <c r="M34" s="54"/>
      <c r="N34" s="76">
        <v>548</v>
      </c>
      <c r="O34" s="60"/>
      <c r="P34" s="77">
        <v>470</v>
      </c>
      <c r="Q34" s="61"/>
      <c r="R34" s="55">
        <v>578</v>
      </c>
      <c r="S34" s="62">
        <v>1596</v>
      </c>
      <c r="T34" s="63">
        <v>0.18790000000000001</v>
      </c>
      <c r="U34" s="64">
        <v>0.1152</v>
      </c>
      <c r="V34" s="65">
        <v>0.1363</v>
      </c>
      <c r="W34" s="66">
        <v>0.43940000000000001</v>
      </c>
      <c r="X34" s="51">
        <v>28</v>
      </c>
      <c r="Y34" s="52" t="s">
        <v>100</v>
      </c>
      <c r="Z34" s="78">
        <v>17867640</v>
      </c>
      <c r="AA34" s="78">
        <v>9349300</v>
      </c>
      <c r="AB34" s="78">
        <v>4486920</v>
      </c>
      <c r="AC34" s="69">
        <v>31703860</v>
      </c>
      <c r="AD34" s="79">
        <v>85112</v>
      </c>
      <c r="AE34" s="80">
        <v>18991892</v>
      </c>
      <c r="AF34" s="81">
        <v>50695752</v>
      </c>
      <c r="AG34" s="51">
        <v>28</v>
      </c>
      <c r="AH34" s="52" t="s">
        <v>100</v>
      </c>
      <c r="AI34" s="55">
        <v>2187</v>
      </c>
      <c r="AJ34" s="54"/>
      <c r="AK34" s="74">
        <v>411</v>
      </c>
      <c r="AL34" s="54"/>
      <c r="AM34" s="86">
        <v>252</v>
      </c>
      <c r="AN34" s="57"/>
      <c r="AO34" s="55">
        <v>298</v>
      </c>
      <c r="AP34" s="58">
        <v>961</v>
      </c>
      <c r="AQ34" s="82">
        <v>3703</v>
      </c>
      <c r="AR34" s="54"/>
      <c r="AS34" s="76">
        <v>548</v>
      </c>
      <c r="AT34" s="60"/>
      <c r="AU34" s="77">
        <v>470</v>
      </c>
      <c r="AV34" s="61"/>
      <c r="AW34" s="55">
        <v>578</v>
      </c>
      <c r="AX34" s="62">
        <v>1596</v>
      </c>
      <c r="AY34" s="63">
        <v>0.18790000000000001</v>
      </c>
      <c r="AZ34" s="63">
        <v>0.1152</v>
      </c>
      <c r="BA34" s="65">
        <v>0.1363</v>
      </c>
      <c r="BB34" s="66">
        <v>0.43940000000000001</v>
      </c>
      <c r="BC34" s="51">
        <v>28</v>
      </c>
      <c r="BD34" s="52" t="s">
        <v>100</v>
      </c>
      <c r="BE34" s="84">
        <v>4035430</v>
      </c>
      <c r="BF34" s="53">
        <v>2137725</v>
      </c>
      <c r="BG34" s="53">
        <v>1028090</v>
      </c>
      <c r="BH34" s="85">
        <v>7201245</v>
      </c>
      <c r="BI34" s="79">
        <v>21922</v>
      </c>
      <c r="BJ34" s="80">
        <v>4891675</v>
      </c>
      <c r="BK34" s="81">
        <v>12092920</v>
      </c>
      <c r="BL34" s="51">
        <v>28</v>
      </c>
      <c r="BM34" s="52" t="s">
        <v>100</v>
      </c>
      <c r="BN34" s="55">
        <v>922</v>
      </c>
      <c r="BO34" s="54"/>
      <c r="BP34" s="74">
        <v>158</v>
      </c>
      <c r="BQ34" s="54"/>
      <c r="BR34" s="86">
        <v>97</v>
      </c>
      <c r="BS34" s="57"/>
      <c r="BT34" s="55">
        <v>89</v>
      </c>
      <c r="BU34" s="58">
        <v>344</v>
      </c>
      <c r="BV34" s="82">
        <v>1110</v>
      </c>
      <c r="BW34" s="54"/>
      <c r="BX34" s="76">
        <v>168</v>
      </c>
      <c r="BY34" s="60"/>
      <c r="BZ34" s="77">
        <v>117</v>
      </c>
      <c r="CA34" s="61"/>
      <c r="CB34" s="55">
        <v>108</v>
      </c>
      <c r="CC34" s="62">
        <v>393</v>
      </c>
      <c r="CD34" s="63">
        <v>0.1714</v>
      </c>
      <c r="CE34" s="63">
        <v>0.1052</v>
      </c>
      <c r="CF34" s="65">
        <v>9.6500000000000002E-2</v>
      </c>
      <c r="CG34" s="66">
        <v>0.37309999999999999</v>
      </c>
      <c r="CH34" s="51">
        <v>28</v>
      </c>
      <c r="CI34" s="52" t="s">
        <v>100</v>
      </c>
      <c r="CJ34" s="84">
        <v>1755040</v>
      </c>
      <c r="CK34" s="53">
        <v>820900</v>
      </c>
      <c r="CL34" s="53">
        <v>302240</v>
      </c>
      <c r="CM34" s="85">
        <v>2878180</v>
      </c>
      <c r="CN34" s="79">
        <v>31432</v>
      </c>
      <c r="CO34" s="80">
        <v>1748247</v>
      </c>
      <c r="CP34" s="81">
        <v>4626427</v>
      </c>
    </row>
    <row r="35" spans="1:94" s="7" customFormat="1" ht="12.95" customHeight="1" x14ac:dyDescent="0.15">
      <c r="A35" s="50" t="e">
        <v>#REF!</v>
      </c>
      <c r="B35" s="51">
        <v>29</v>
      </c>
      <c r="C35" s="52" t="s">
        <v>101</v>
      </c>
      <c r="D35" s="53">
        <v>2400</v>
      </c>
      <c r="E35" s="54"/>
      <c r="F35" s="77">
        <v>724</v>
      </c>
      <c r="G35" s="54"/>
      <c r="H35" s="86">
        <v>284</v>
      </c>
      <c r="I35" s="57"/>
      <c r="J35" s="55">
        <v>263</v>
      </c>
      <c r="K35" s="58">
        <v>1271</v>
      </c>
      <c r="L35" s="53">
        <v>3647</v>
      </c>
      <c r="M35" s="54"/>
      <c r="N35" s="76">
        <v>871</v>
      </c>
      <c r="O35" s="60"/>
      <c r="P35" s="77">
        <v>485</v>
      </c>
      <c r="Q35" s="61"/>
      <c r="R35" s="55">
        <v>447</v>
      </c>
      <c r="S35" s="62">
        <v>1803</v>
      </c>
      <c r="T35" s="63">
        <v>0.30170000000000002</v>
      </c>
      <c r="U35" s="64">
        <v>0.1183</v>
      </c>
      <c r="V35" s="65">
        <v>0.1096</v>
      </c>
      <c r="W35" s="66">
        <v>0.52959999999999996</v>
      </c>
      <c r="X35" s="51">
        <v>29</v>
      </c>
      <c r="Y35" s="52" t="s">
        <v>101</v>
      </c>
      <c r="Z35" s="78">
        <v>26934911</v>
      </c>
      <c r="AA35" s="78">
        <v>9036416</v>
      </c>
      <c r="AB35" s="78">
        <v>3278623</v>
      </c>
      <c r="AC35" s="69">
        <v>39249950</v>
      </c>
      <c r="AD35" s="79">
        <v>89890</v>
      </c>
      <c r="AE35" s="80">
        <v>23071168</v>
      </c>
      <c r="AF35" s="81">
        <v>62321118</v>
      </c>
      <c r="AG35" s="51">
        <v>29</v>
      </c>
      <c r="AH35" s="52" t="s">
        <v>101</v>
      </c>
      <c r="AI35" s="55">
        <v>2400</v>
      </c>
      <c r="AJ35" s="54"/>
      <c r="AK35" s="77">
        <v>724</v>
      </c>
      <c r="AL35" s="54"/>
      <c r="AM35" s="86">
        <v>284</v>
      </c>
      <c r="AN35" s="57"/>
      <c r="AO35" s="55">
        <v>263</v>
      </c>
      <c r="AP35" s="58">
        <v>1271</v>
      </c>
      <c r="AQ35" s="82">
        <v>3647</v>
      </c>
      <c r="AR35" s="54"/>
      <c r="AS35" s="76">
        <v>871</v>
      </c>
      <c r="AT35" s="60"/>
      <c r="AU35" s="77">
        <v>485</v>
      </c>
      <c r="AV35" s="61"/>
      <c r="AW35" s="55">
        <v>447</v>
      </c>
      <c r="AX35" s="62">
        <v>1803</v>
      </c>
      <c r="AY35" s="63">
        <v>0.30170000000000002</v>
      </c>
      <c r="AZ35" s="63">
        <v>0.1183</v>
      </c>
      <c r="BA35" s="65">
        <v>0.1096</v>
      </c>
      <c r="BB35" s="66">
        <v>0.52959999999999996</v>
      </c>
      <c r="BC35" s="51">
        <v>29</v>
      </c>
      <c r="BD35" s="52" t="s">
        <v>101</v>
      </c>
      <c r="BE35" s="84">
        <v>7745419</v>
      </c>
      <c r="BF35" s="53">
        <v>2598392</v>
      </c>
      <c r="BG35" s="53">
        <v>942752</v>
      </c>
      <c r="BH35" s="85">
        <v>11286563</v>
      </c>
      <c r="BI35" s="79">
        <v>26301</v>
      </c>
      <c r="BJ35" s="80">
        <v>6750415</v>
      </c>
      <c r="BK35" s="81">
        <v>18036978</v>
      </c>
      <c r="BL35" s="51">
        <v>29</v>
      </c>
      <c r="BM35" s="52" t="s">
        <v>101</v>
      </c>
      <c r="BN35" s="55">
        <v>991</v>
      </c>
      <c r="BO35" s="54"/>
      <c r="BP35" s="77">
        <v>233</v>
      </c>
      <c r="BQ35" s="54"/>
      <c r="BR35" s="86">
        <v>111</v>
      </c>
      <c r="BS35" s="57"/>
      <c r="BT35" s="55">
        <v>88</v>
      </c>
      <c r="BU35" s="58">
        <v>432</v>
      </c>
      <c r="BV35" s="82">
        <v>1171</v>
      </c>
      <c r="BW35" s="54"/>
      <c r="BX35" s="76">
        <v>253</v>
      </c>
      <c r="BY35" s="60"/>
      <c r="BZ35" s="77">
        <v>109</v>
      </c>
      <c r="CA35" s="61"/>
      <c r="CB35" s="55">
        <v>86</v>
      </c>
      <c r="CC35" s="62">
        <v>448</v>
      </c>
      <c r="CD35" s="63">
        <v>0.2351</v>
      </c>
      <c r="CE35" s="63">
        <v>0.112</v>
      </c>
      <c r="CF35" s="65">
        <v>8.8800000000000004E-2</v>
      </c>
      <c r="CG35" s="66">
        <v>0.43590000000000001</v>
      </c>
      <c r="CH35" s="51">
        <v>29</v>
      </c>
      <c r="CI35" s="52" t="s">
        <v>101</v>
      </c>
      <c r="CJ35" s="84">
        <v>2654218</v>
      </c>
      <c r="CK35" s="53">
        <v>856610</v>
      </c>
      <c r="CL35" s="53">
        <v>270976</v>
      </c>
      <c r="CM35" s="85">
        <v>3781804</v>
      </c>
      <c r="CN35" s="79">
        <v>32632</v>
      </c>
      <c r="CO35" s="80">
        <v>2101174</v>
      </c>
      <c r="CP35" s="81">
        <v>5882978</v>
      </c>
    </row>
    <row r="36" spans="1:94" s="7" customFormat="1" ht="12.95" customHeight="1" x14ac:dyDescent="0.15">
      <c r="A36" s="50" t="e">
        <v>#REF!</v>
      </c>
      <c r="B36" s="51">
        <v>30</v>
      </c>
      <c r="C36" s="52" t="s">
        <v>102</v>
      </c>
      <c r="D36" s="53">
        <v>1602</v>
      </c>
      <c r="E36" s="88"/>
      <c r="F36" s="74">
        <v>405</v>
      </c>
      <c r="G36" s="88"/>
      <c r="H36" s="86">
        <v>189</v>
      </c>
      <c r="I36" s="88"/>
      <c r="J36" s="55">
        <v>190</v>
      </c>
      <c r="K36" s="58">
        <v>784</v>
      </c>
      <c r="L36" s="53">
        <v>2693</v>
      </c>
      <c r="M36" s="88"/>
      <c r="N36" s="76">
        <v>527</v>
      </c>
      <c r="O36" s="89"/>
      <c r="P36" s="77">
        <v>360</v>
      </c>
      <c r="Q36" s="87"/>
      <c r="R36" s="55">
        <v>380</v>
      </c>
      <c r="S36" s="62">
        <v>1267</v>
      </c>
      <c r="T36" s="63">
        <v>0.25280000000000002</v>
      </c>
      <c r="U36" s="64">
        <v>0.11799999999999999</v>
      </c>
      <c r="V36" s="65">
        <v>0.1186</v>
      </c>
      <c r="W36" s="66">
        <v>0.4894</v>
      </c>
      <c r="X36" s="51">
        <v>30</v>
      </c>
      <c r="Y36" s="52" t="s">
        <v>102</v>
      </c>
      <c r="Z36" s="78">
        <v>18375154</v>
      </c>
      <c r="AA36" s="78">
        <v>7705015</v>
      </c>
      <c r="AB36" s="78">
        <v>3191576</v>
      </c>
      <c r="AC36" s="69">
        <v>29271745</v>
      </c>
      <c r="AD36" s="79">
        <v>86506</v>
      </c>
      <c r="AE36" s="80">
        <v>15471597</v>
      </c>
      <c r="AF36" s="81">
        <v>44743342</v>
      </c>
      <c r="AG36" s="51">
        <v>30</v>
      </c>
      <c r="AH36" s="52" t="s">
        <v>102</v>
      </c>
      <c r="AI36" s="55">
        <v>1602</v>
      </c>
      <c r="AJ36" s="88"/>
      <c r="AK36" s="74">
        <v>405</v>
      </c>
      <c r="AL36" s="88"/>
      <c r="AM36" s="86">
        <v>189</v>
      </c>
      <c r="AN36" s="88"/>
      <c r="AO36" s="55">
        <v>190</v>
      </c>
      <c r="AP36" s="58">
        <v>784</v>
      </c>
      <c r="AQ36" s="82">
        <v>2693</v>
      </c>
      <c r="AR36" s="88"/>
      <c r="AS36" s="76">
        <v>527</v>
      </c>
      <c r="AT36" s="89"/>
      <c r="AU36" s="77">
        <v>360</v>
      </c>
      <c r="AV36" s="87"/>
      <c r="AW36" s="55">
        <v>380</v>
      </c>
      <c r="AX36" s="62">
        <v>1267</v>
      </c>
      <c r="AY36" s="63">
        <v>0.25280000000000002</v>
      </c>
      <c r="AZ36" s="63">
        <v>0.11799999999999999</v>
      </c>
      <c r="BA36" s="65">
        <v>0.1186</v>
      </c>
      <c r="BB36" s="66">
        <v>0.4894</v>
      </c>
      <c r="BC36" s="51">
        <v>30</v>
      </c>
      <c r="BD36" s="52" t="s">
        <v>102</v>
      </c>
      <c r="BE36" s="84">
        <v>5414857</v>
      </c>
      <c r="BF36" s="53">
        <v>2269860</v>
      </c>
      <c r="BG36" s="53">
        <v>940184</v>
      </c>
      <c r="BH36" s="85">
        <v>8624901</v>
      </c>
      <c r="BI36" s="79">
        <v>25680</v>
      </c>
      <c r="BJ36" s="80">
        <v>4592868</v>
      </c>
      <c r="BK36" s="81">
        <v>13217769</v>
      </c>
      <c r="BL36" s="51">
        <v>30</v>
      </c>
      <c r="BM36" s="52" t="s">
        <v>102</v>
      </c>
      <c r="BN36" s="55">
        <v>731</v>
      </c>
      <c r="BO36" s="88"/>
      <c r="BP36" s="74">
        <v>168</v>
      </c>
      <c r="BQ36" s="88"/>
      <c r="BR36" s="86">
        <v>84</v>
      </c>
      <c r="BS36" s="88"/>
      <c r="BT36" s="55">
        <v>80</v>
      </c>
      <c r="BU36" s="58">
        <v>332</v>
      </c>
      <c r="BV36" s="82">
        <v>905</v>
      </c>
      <c r="BW36" s="88"/>
      <c r="BX36" s="76">
        <v>186</v>
      </c>
      <c r="BY36" s="89"/>
      <c r="BZ36" s="77">
        <v>105</v>
      </c>
      <c r="CA36" s="87"/>
      <c r="CB36" s="55">
        <v>108</v>
      </c>
      <c r="CC36" s="62">
        <v>399</v>
      </c>
      <c r="CD36" s="63">
        <v>0.2298</v>
      </c>
      <c r="CE36" s="63">
        <v>0.1149</v>
      </c>
      <c r="CF36" s="65">
        <v>0.1094</v>
      </c>
      <c r="CG36" s="66">
        <v>0.45419999999999999</v>
      </c>
      <c r="CH36" s="51">
        <v>30</v>
      </c>
      <c r="CI36" s="52" t="s">
        <v>102</v>
      </c>
      <c r="CJ36" s="84">
        <v>3178938</v>
      </c>
      <c r="CK36" s="53">
        <v>1228395</v>
      </c>
      <c r="CL36" s="53">
        <v>492776</v>
      </c>
      <c r="CM36" s="85">
        <v>4900109</v>
      </c>
      <c r="CN36" s="79">
        <v>45474</v>
      </c>
      <c r="CO36" s="80">
        <v>2575648</v>
      </c>
      <c r="CP36" s="81">
        <v>7475757</v>
      </c>
    </row>
    <row r="37" spans="1:94" s="7" customFormat="1" ht="12.95" customHeight="1" x14ac:dyDescent="0.15">
      <c r="A37" s="50" t="e">
        <v>#REF!</v>
      </c>
      <c r="B37" s="51">
        <v>31</v>
      </c>
      <c r="C37" s="52" t="s">
        <v>103</v>
      </c>
      <c r="D37" s="53">
        <v>5230</v>
      </c>
      <c r="E37" s="88"/>
      <c r="F37" s="77">
        <v>1364</v>
      </c>
      <c r="G37" s="88"/>
      <c r="H37" s="86">
        <v>666</v>
      </c>
      <c r="I37" s="88"/>
      <c r="J37" s="55">
        <v>562</v>
      </c>
      <c r="K37" s="58">
        <v>2592</v>
      </c>
      <c r="L37" s="53">
        <v>8506</v>
      </c>
      <c r="M37" s="88"/>
      <c r="N37" s="76">
        <v>1761</v>
      </c>
      <c r="O37" s="89"/>
      <c r="P37" s="77">
        <v>1174</v>
      </c>
      <c r="Q37" s="87"/>
      <c r="R37" s="55">
        <v>1029</v>
      </c>
      <c r="S37" s="62">
        <v>3964</v>
      </c>
      <c r="T37" s="63">
        <v>0.26079999999999998</v>
      </c>
      <c r="U37" s="64">
        <v>0.1273</v>
      </c>
      <c r="V37" s="65">
        <v>0.1075</v>
      </c>
      <c r="W37" s="66">
        <v>0.49559999999999998</v>
      </c>
      <c r="X37" s="51">
        <v>31</v>
      </c>
      <c r="Y37" s="52" t="s">
        <v>103</v>
      </c>
      <c r="Z37" s="78">
        <v>59515960</v>
      </c>
      <c r="AA37" s="78">
        <v>25122100</v>
      </c>
      <c r="AB37" s="78">
        <v>8694440</v>
      </c>
      <c r="AC37" s="69">
        <v>93332500</v>
      </c>
      <c r="AD37" s="79">
        <v>93637</v>
      </c>
      <c r="AE37" s="80">
        <v>52650212</v>
      </c>
      <c r="AF37" s="81">
        <v>145982712</v>
      </c>
      <c r="AG37" s="51">
        <v>31</v>
      </c>
      <c r="AH37" s="52" t="s">
        <v>103</v>
      </c>
      <c r="AI37" s="55">
        <v>5230</v>
      </c>
      <c r="AJ37" s="88"/>
      <c r="AK37" s="77">
        <v>1364</v>
      </c>
      <c r="AL37" s="88"/>
      <c r="AM37" s="86">
        <v>666</v>
      </c>
      <c r="AN37" s="88"/>
      <c r="AO37" s="55">
        <v>562</v>
      </c>
      <c r="AP37" s="58">
        <v>2592</v>
      </c>
      <c r="AQ37" s="82">
        <v>8506</v>
      </c>
      <c r="AR37" s="88"/>
      <c r="AS37" s="76">
        <v>1761</v>
      </c>
      <c r="AT37" s="89"/>
      <c r="AU37" s="77">
        <v>1174</v>
      </c>
      <c r="AV37" s="87"/>
      <c r="AW37" s="55">
        <v>1029</v>
      </c>
      <c r="AX37" s="62">
        <v>3964</v>
      </c>
      <c r="AY37" s="63">
        <v>0.26079999999999998</v>
      </c>
      <c r="AZ37" s="63">
        <v>0.1273</v>
      </c>
      <c r="BA37" s="65">
        <v>0.1075</v>
      </c>
      <c r="BB37" s="66">
        <v>0.49559999999999998</v>
      </c>
      <c r="BC37" s="51">
        <v>31</v>
      </c>
      <c r="BD37" s="52" t="s">
        <v>103</v>
      </c>
      <c r="BE37" s="84">
        <v>25648394</v>
      </c>
      <c r="BF37" s="53">
        <v>10954543</v>
      </c>
      <c r="BG37" s="53">
        <v>3796315</v>
      </c>
      <c r="BH37" s="85">
        <v>40399252</v>
      </c>
      <c r="BI37" s="79">
        <v>36558</v>
      </c>
      <c r="BJ37" s="80">
        <v>20555833</v>
      </c>
      <c r="BK37" s="81">
        <v>60955085</v>
      </c>
      <c r="BL37" s="51">
        <v>31</v>
      </c>
      <c r="BM37" s="52" t="s">
        <v>103</v>
      </c>
      <c r="BN37" s="55">
        <v>2328</v>
      </c>
      <c r="BO37" s="88"/>
      <c r="BP37" s="77">
        <v>500</v>
      </c>
      <c r="BQ37" s="88"/>
      <c r="BR37" s="86">
        <v>250</v>
      </c>
      <c r="BS37" s="88"/>
      <c r="BT37" s="55">
        <v>225</v>
      </c>
      <c r="BU37" s="58">
        <v>975</v>
      </c>
      <c r="BV37" s="82">
        <v>2831</v>
      </c>
      <c r="BW37" s="88"/>
      <c r="BX37" s="76">
        <v>544</v>
      </c>
      <c r="BY37" s="89"/>
      <c r="BZ37" s="77">
        <v>302</v>
      </c>
      <c r="CA37" s="87"/>
      <c r="CB37" s="55">
        <v>277</v>
      </c>
      <c r="CC37" s="62">
        <v>1123</v>
      </c>
      <c r="CD37" s="63">
        <v>0.21479999999999999</v>
      </c>
      <c r="CE37" s="63">
        <v>0.1074</v>
      </c>
      <c r="CF37" s="65">
        <v>9.6600000000000005E-2</v>
      </c>
      <c r="CG37" s="66">
        <v>0.41880000000000001</v>
      </c>
      <c r="CH37" s="51">
        <v>31</v>
      </c>
      <c r="CI37" s="52" t="s">
        <v>103</v>
      </c>
      <c r="CJ37" s="84">
        <v>6314560</v>
      </c>
      <c r="CK37" s="53">
        <v>2415700</v>
      </c>
      <c r="CL37" s="53">
        <v>880780</v>
      </c>
      <c r="CM37" s="85">
        <v>9611040</v>
      </c>
      <c r="CN37" s="79">
        <v>34279</v>
      </c>
      <c r="CO37" s="80">
        <v>5480869</v>
      </c>
      <c r="CP37" s="81">
        <v>15091909</v>
      </c>
    </row>
    <row r="38" spans="1:94" s="7" customFormat="1" ht="12.95" customHeight="1" x14ac:dyDescent="0.15">
      <c r="A38" s="50" t="e">
        <v>#REF!</v>
      </c>
      <c r="B38" s="51">
        <v>32</v>
      </c>
      <c r="C38" s="52" t="s">
        <v>104</v>
      </c>
      <c r="D38" s="53">
        <v>7381</v>
      </c>
      <c r="E38" s="54"/>
      <c r="F38" s="74">
        <v>1532</v>
      </c>
      <c r="G38" s="121"/>
      <c r="H38" s="86">
        <v>852</v>
      </c>
      <c r="I38" s="57"/>
      <c r="J38" s="55">
        <v>883</v>
      </c>
      <c r="K38" s="58">
        <v>3267</v>
      </c>
      <c r="L38" s="53">
        <v>12865</v>
      </c>
      <c r="M38" s="54"/>
      <c r="N38" s="76">
        <v>2105</v>
      </c>
      <c r="O38" s="61"/>
      <c r="P38" s="77">
        <v>1683</v>
      </c>
      <c r="Q38" s="61"/>
      <c r="R38" s="55">
        <v>1777</v>
      </c>
      <c r="S38" s="62">
        <v>5565</v>
      </c>
      <c r="T38" s="63">
        <v>0.20760000000000001</v>
      </c>
      <c r="U38" s="64">
        <v>0.1154</v>
      </c>
      <c r="V38" s="65">
        <v>0.1196</v>
      </c>
      <c r="W38" s="66">
        <v>0.44259999999999999</v>
      </c>
      <c r="X38" s="51">
        <v>32</v>
      </c>
      <c r="Y38" s="52" t="s">
        <v>104</v>
      </c>
      <c r="Z38" s="78">
        <v>55133400</v>
      </c>
      <c r="AA38" s="78">
        <v>26841600</v>
      </c>
      <c r="AB38" s="78">
        <v>11171760</v>
      </c>
      <c r="AC38" s="69">
        <v>93146760</v>
      </c>
      <c r="AD38" s="79">
        <v>72383</v>
      </c>
      <c r="AE38" s="80">
        <v>56631011</v>
      </c>
      <c r="AF38" s="81">
        <v>149777771</v>
      </c>
      <c r="AG38" s="51">
        <v>32</v>
      </c>
      <c r="AH38" s="52" t="s">
        <v>104</v>
      </c>
      <c r="AI38" s="55">
        <v>7381</v>
      </c>
      <c r="AJ38" s="60"/>
      <c r="AK38" s="74">
        <v>1532</v>
      </c>
      <c r="AL38" s="121"/>
      <c r="AM38" s="86">
        <v>852</v>
      </c>
      <c r="AN38" s="57"/>
      <c r="AO38" s="55">
        <v>883</v>
      </c>
      <c r="AP38" s="58">
        <v>3267</v>
      </c>
      <c r="AQ38" s="82">
        <v>12865</v>
      </c>
      <c r="AR38" s="57"/>
      <c r="AS38" s="76">
        <v>2105</v>
      </c>
      <c r="AT38" s="61"/>
      <c r="AU38" s="77">
        <v>1683</v>
      </c>
      <c r="AV38" s="61"/>
      <c r="AW38" s="55">
        <v>1777</v>
      </c>
      <c r="AX38" s="62">
        <v>5565</v>
      </c>
      <c r="AY38" s="63">
        <v>0.20760000000000001</v>
      </c>
      <c r="AZ38" s="63">
        <v>0.1154</v>
      </c>
      <c r="BA38" s="65">
        <v>0.1196</v>
      </c>
      <c r="BB38" s="66">
        <v>0.44259999999999999</v>
      </c>
      <c r="BC38" s="51">
        <v>32</v>
      </c>
      <c r="BD38" s="52" t="s">
        <v>104</v>
      </c>
      <c r="BE38" s="84">
        <v>19594050</v>
      </c>
      <c r="BF38" s="53">
        <v>9525675</v>
      </c>
      <c r="BG38" s="53">
        <v>3964120</v>
      </c>
      <c r="BH38" s="85">
        <v>33083845</v>
      </c>
      <c r="BI38" s="79">
        <v>21951</v>
      </c>
      <c r="BJ38" s="80">
        <v>17174024</v>
      </c>
      <c r="BK38" s="81">
        <v>50257869</v>
      </c>
      <c r="BL38" s="51">
        <v>32</v>
      </c>
      <c r="BM38" s="52" t="s">
        <v>104</v>
      </c>
      <c r="BN38" s="55">
        <v>3292</v>
      </c>
      <c r="BO38" s="60"/>
      <c r="BP38" s="74">
        <v>591</v>
      </c>
      <c r="BQ38" s="121"/>
      <c r="BR38" s="86">
        <v>309</v>
      </c>
      <c r="BS38" s="57"/>
      <c r="BT38" s="55">
        <v>326</v>
      </c>
      <c r="BU38" s="58">
        <v>1226</v>
      </c>
      <c r="BV38" s="82">
        <v>3981</v>
      </c>
      <c r="BW38" s="57"/>
      <c r="BX38" s="76">
        <v>640</v>
      </c>
      <c r="BY38" s="61"/>
      <c r="BZ38" s="77">
        <v>380</v>
      </c>
      <c r="CA38" s="61"/>
      <c r="CB38" s="55">
        <v>398</v>
      </c>
      <c r="CC38" s="62">
        <v>1418</v>
      </c>
      <c r="CD38" s="63">
        <v>0.17949999999999999</v>
      </c>
      <c r="CE38" s="63">
        <v>9.3899999999999997E-2</v>
      </c>
      <c r="CF38" s="65">
        <v>9.9000000000000005E-2</v>
      </c>
      <c r="CG38" s="66">
        <v>0.37240000000000001</v>
      </c>
      <c r="CH38" s="51">
        <v>32</v>
      </c>
      <c r="CI38" s="52" t="s">
        <v>104</v>
      </c>
      <c r="CJ38" s="84">
        <v>5618200</v>
      </c>
      <c r="CK38" s="53">
        <v>2257000</v>
      </c>
      <c r="CL38" s="53">
        <v>948400</v>
      </c>
      <c r="CM38" s="85">
        <v>8823600</v>
      </c>
      <c r="CN38" s="79">
        <v>24651</v>
      </c>
      <c r="CO38" s="80">
        <v>4953372</v>
      </c>
      <c r="CP38" s="81">
        <v>13776972</v>
      </c>
    </row>
    <row r="39" spans="1:94" s="7" customFormat="1" ht="12.95" customHeight="1" thickBot="1" x14ac:dyDescent="0.2">
      <c r="A39" s="50" t="e">
        <v>#REF!</v>
      </c>
      <c r="B39" s="51">
        <v>33</v>
      </c>
      <c r="C39" s="52" t="s">
        <v>105</v>
      </c>
      <c r="D39" s="53">
        <v>552</v>
      </c>
      <c r="E39" s="122"/>
      <c r="F39" s="97">
        <v>112</v>
      </c>
      <c r="G39" s="123"/>
      <c r="H39" s="95">
        <v>74</v>
      </c>
      <c r="I39" s="123"/>
      <c r="J39" s="55">
        <v>50</v>
      </c>
      <c r="K39" s="58">
        <v>236</v>
      </c>
      <c r="L39" s="53">
        <v>970</v>
      </c>
      <c r="M39" s="122"/>
      <c r="N39" s="76">
        <v>145</v>
      </c>
      <c r="O39" s="61"/>
      <c r="P39" s="77">
        <v>149</v>
      </c>
      <c r="Q39" s="61"/>
      <c r="R39" s="55">
        <v>91</v>
      </c>
      <c r="S39" s="62">
        <v>385</v>
      </c>
      <c r="T39" s="63">
        <v>0.2029</v>
      </c>
      <c r="U39" s="64">
        <v>0.1341</v>
      </c>
      <c r="V39" s="65">
        <v>9.06E-2</v>
      </c>
      <c r="W39" s="66">
        <v>0.42749999999999999</v>
      </c>
      <c r="X39" s="51">
        <v>33</v>
      </c>
      <c r="Y39" s="52" t="s">
        <v>105</v>
      </c>
      <c r="Z39" s="78">
        <v>3486259</v>
      </c>
      <c r="AA39" s="78">
        <v>2288325</v>
      </c>
      <c r="AB39" s="107">
        <v>572398</v>
      </c>
      <c r="AC39" s="69">
        <v>6346982</v>
      </c>
      <c r="AD39" s="79">
        <v>69203</v>
      </c>
      <c r="AE39" s="80">
        <v>3767411</v>
      </c>
      <c r="AF39" s="124">
        <v>10114393</v>
      </c>
      <c r="AG39" s="51">
        <v>33</v>
      </c>
      <c r="AH39" s="52" t="s">
        <v>105</v>
      </c>
      <c r="AI39" s="55">
        <v>552</v>
      </c>
      <c r="AJ39" s="122"/>
      <c r="AK39" s="97">
        <v>112</v>
      </c>
      <c r="AL39" s="123"/>
      <c r="AM39" s="95">
        <v>74</v>
      </c>
      <c r="AN39" s="123"/>
      <c r="AO39" s="55">
        <v>50</v>
      </c>
      <c r="AP39" s="58">
        <v>236</v>
      </c>
      <c r="AQ39" s="82">
        <v>970</v>
      </c>
      <c r="AR39" s="125"/>
      <c r="AS39" s="76">
        <v>145</v>
      </c>
      <c r="AT39" s="61"/>
      <c r="AU39" s="77">
        <v>149</v>
      </c>
      <c r="AV39" s="61"/>
      <c r="AW39" s="55">
        <v>91</v>
      </c>
      <c r="AX39" s="62">
        <v>385</v>
      </c>
      <c r="AY39" s="63">
        <v>0.2029</v>
      </c>
      <c r="AZ39" s="63">
        <v>0.1341</v>
      </c>
      <c r="BA39" s="65">
        <v>9.06E-2</v>
      </c>
      <c r="BB39" s="66">
        <v>0.42749999999999999</v>
      </c>
      <c r="BC39" s="51">
        <v>33</v>
      </c>
      <c r="BD39" s="52" t="s">
        <v>105</v>
      </c>
      <c r="BE39" s="93">
        <v>1058206</v>
      </c>
      <c r="BF39" s="53">
        <v>694434</v>
      </c>
      <c r="BG39" s="53">
        <v>173712</v>
      </c>
      <c r="BH39" s="85">
        <v>1926352</v>
      </c>
      <c r="BI39" s="79">
        <v>20979</v>
      </c>
      <c r="BJ39" s="80">
        <v>1142097</v>
      </c>
      <c r="BK39" s="124">
        <v>3068449</v>
      </c>
      <c r="BL39" s="51">
        <v>33</v>
      </c>
      <c r="BM39" s="52" t="s">
        <v>105</v>
      </c>
      <c r="BN39" s="55">
        <v>261</v>
      </c>
      <c r="BO39" s="122"/>
      <c r="BP39" s="97">
        <v>51</v>
      </c>
      <c r="BQ39" s="123"/>
      <c r="BR39" s="95">
        <v>34</v>
      </c>
      <c r="BS39" s="123"/>
      <c r="BT39" s="55">
        <v>22</v>
      </c>
      <c r="BU39" s="58">
        <v>107</v>
      </c>
      <c r="BV39" s="82">
        <v>320</v>
      </c>
      <c r="BW39" s="125"/>
      <c r="BX39" s="76">
        <v>55</v>
      </c>
      <c r="BY39" s="61"/>
      <c r="BZ39" s="77">
        <v>41</v>
      </c>
      <c r="CA39" s="61"/>
      <c r="CB39" s="55">
        <v>27</v>
      </c>
      <c r="CC39" s="62">
        <v>123</v>
      </c>
      <c r="CD39" s="63">
        <v>0.19539999999999999</v>
      </c>
      <c r="CE39" s="63">
        <v>0.1303</v>
      </c>
      <c r="CF39" s="65">
        <v>8.43E-2</v>
      </c>
      <c r="CG39" s="66">
        <v>0.41</v>
      </c>
      <c r="CH39" s="51">
        <v>33</v>
      </c>
      <c r="CI39" s="52" t="s">
        <v>105</v>
      </c>
      <c r="CJ39" s="93">
        <v>449001</v>
      </c>
      <c r="CK39" s="53">
        <v>232790</v>
      </c>
      <c r="CL39" s="53">
        <v>61076</v>
      </c>
      <c r="CM39" s="85">
        <v>742867</v>
      </c>
      <c r="CN39" s="79">
        <v>24240</v>
      </c>
      <c r="CO39" s="80">
        <v>424200</v>
      </c>
      <c r="CP39" s="124">
        <v>1167067</v>
      </c>
    </row>
    <row r="40" spans="1:94" s="7" customFormat="1" ht="15" hidden="1" customHeight="1" thickTop="1" x14ac:dyDescent="0.15">
      <c r="A40" s="50" t="e">
        <v>#REF!</v>
      </c>
      <c r="B40" s="51">
        <v>34</v>
      </c>
      <c r="C40" s="126" t="s">
        <v>106</v>
      </c>
      <c r="D40" s="53">
        <v>0</v>
      </c>
      <c r="E40" s="54"/>
      <c r="F40" s="74"/>
      <c r="G40" s="61"/>
      <c r="H40" s="86">
        <v>0</v>
      </c>
      <c r="I40" s="57"/>
      <c r="J40" s="55">
        <v>0</v>
      </c>
      <c r="K40" s="58">
        <v>0</v>
      </c>
      <c r="L40" s="53">
        <v>0</v>
      </c>
      <c r="M40" s="54"/>
      <c r="N40" s="76">
        <v>0</v>
      </c>
      <c r="O40" s="61"/>
      <c r="P40" s="77">
        <v>0</v>
      </c>
      <c r="Q40" s="61"/>
      <c r="R40" s="55">
        <v>0</v>
      </c>
      <c r="S40" s="62">
        <v>0</v>
      </c>
      <c r="T40" s="63" t="e">
        <v>#DIV/0!</v>
      </c>
      <c r="U40" s="64" t="e">
        <v>#DIV/0!</v>
      </c>
      <c r="V40" s="65" t="e">
        <v>#DIV/0!</v>
      </c>
      <c r="W40" s="66" t="e">
        <v>#DIV/0!</v>
      </c>
      <c r="X40" s="51">
        <v>34</v>
      </c>
      <c r="Y40" s="126" t="s">
        <v>106</v>
      </c>
      <c r="Z40" s="78"/>
      <c r="AA40" s="78"/>
      <c r="AB40" s="68">
        <v>0</v>
      </c>
      <c r="AC40" s="69">
        <v>0</v>
      </c>
      <c r="AD40" s="79"/>
      <c r="AE40" s="80"/>
      <c r="AF40" s="72">
        <v>0</v>
      </c>
      <c r="AG40" s="51">
        <v>34</v>
      </c>
      <c r="AH40" s="126" t="s">
        <v>106</v>
      </c>
      <c r="AI40" s="55"/>
      <c r="AJ40" s="60"/>
      <c r="AK40" s="74"/>
      <c r="AL40" s="61"/>
      <c r="AM40" s="86"/>
      <c r="AN40" s="57"/>
      <c r="AO40" s="55">
        <v>0</v>
      </c>
      <c r="AP40" s="58">
        <v>0</v>
      </c>
      <c r="AQ40" s="82">
        <v>0</v>
      </c>
      <c r="AR40" s="57"/>
      <c r="AS40" s="76"/>
      <c r="AT40" s="61"/>
      <c r="AU40" s="77"/>
      <c r="AV40" s="61"/>
      <c r="AW40" s="55"/>
      <c r="AX40" s="62">
        <v>0</v>
      </c>
      <c r="AY40" s="63" t="e">
        <v>#DIV/0!</v>
      </c>
      <c r="AZ40" s="63" t="e">
        <v>#DIV/0!</v>
      </c>
      <c r="BA40" s="65" t="e">
        <v>#DIV/0!</v>
      </c>
      <c r="BB40" s="66" t="e">
        <v>#DIV/0!</v>
      </c>
      <c r="BC40" s="51">
        <v>34</v>
      </c>
      <c r="BD40" s="126" t="s">
        <v>106</v>
      </c>
      <c r="BE40" s="53"/>
      <c r="BF40" s="53"/>
      <c r="BG40" s="53">
        <v>0</v>
      </c>
      <c r="BH40" s="85">
        <v>0</v>
      </c>
      <c r="BI40" s="79"/>
      <c r="BJ40" s="80"/>
      <c r="BK40" s="72">
        <v>0</v>
      </c>
      <c r="BL40" s="51">
        <v>34</v>
      </c>
      <c r="BM40" s="126" t="s">
        <v>106</v>
      </c>
      <c r="BN40" s="55">
        <v>0</v>
      </c>
      <c r="BO40" s="60"/>
      <c r="BP40" s="74"/>
      <c r="BQ40" s="61"/>
      <c r="BR40" s="86"/>
      <c r="BS40" s="57"/>
      <c r="BT40" s="55">
        <v>0</v>
      </c>
      <c r="BU40" s="58">
        <v>0</v>
      </c>
      <c r="BV40" s="82">
        <v>0</v>
      </c>
      <c r="BW40" s="57"/>
      <c r="BX40" s="76"/>
      <c r="BY40" s="61"/>
      <c r="BZ40" s="77"/>
      <c r="CA40" s="61"/>
      <c r="CB40" s="55"/>
      <c r="CC40" s="62">
        <v>0</v>
      </c>
      <c r="CD40" s="63" t="e">
        <v>#DIV/0!</v>
      </c>
      <c r="CE40" s="63" t="e">
        <v>#DIV/0!</v>
      </c>
      <c r="CF40" s="65" t="e">
        <v>#DIV/0!</v>
      </c>
      <c r="CG40" s="66" t="e">
        <v>#DIV/0!</v>
      </c>
      <c r="CH40" s="51">
        <v>34</v>
      </c>
      <c r="CI40" s="126" t="s">
        <v>106</v>
      </c>
      <c r="CJ40" s="53"/>
      <c r="CK40" s="53"/>
      <c r="CL40" s="53">
        <v>0</v>
      </c>
      <c r="CM40" s="85">
        <v>0</v>
      </c>
      <c r="CN40" s="79"/>
      <c r="CO40" s="80"/>
      <c r="CP40" s="72">
        <v>0</v>
      </c>
    </row>
    <row r="41" spans="1:94" s="7" customFormat="1" ht="15" hidden="1" customHeight="1" x14ac:dyDescent="0.15">
      <c r="A41" s="50" t="e">
        <v>#REF!</v>
      </c>
      <c r="B41" s="51">
        <v>35</v>
      </c>
      <c r="C41" s="126" t="s">
        <v>107</v>
      </c>
      <c r="D41" s="53">
        <v>0</v>
      </c>
      <c r="E41" s="54"/>
      <c r="F41" s="77"/>
      <c r="G41" s="57"/>
      <c r="H41" s="86">
        <v>0</v>
      </c>
      <c r="I41" s="57"/>
      <c r="J41" s="55">
        <v>0</v>
      </c>
      <c r="K41" s="58">
        <v>0</v>
      </c>
      <c r="L41" s="53">
        <v>0</v>
      </c>
      <c r="M41" s="54"/>
      <c r="N41" s="76">
        <v>0</v>
      </c>
      <c r="O41" s="61"/>
      <c r="P41" s="77">
        <v>0</v>
      </c>
      <c r="Q41" s="61"/>
      <c r="R41" s="55">
        <v>0</v>
      </c>
      <c r="S41" s="62">
        <v>0</v>
      </c>
      <c r="T41" s="63" t="e">
        <v>#DIV/0!</v>
      </c>
      <c r="U41" s="64" t="e">
        <v>#DIV/0!</v>
      </c>
      <c r="V41" s="65" t="e">
        <v>#DIV/0!</v>
      </c>
      <c r="W41" s="66" t="e">
        <v>#DIV/0!</v>
      </c>
      <c r="X41" s="51">
        <v>35</v>
      </c>
      <c r="Y41" s="126" t="s">
        <v>107</v>
      </c>
      <c r="Z41" s="78"/>
      <c r="AA41" s="78"/>
      <c r="AB41" s="78">
        <v>0</v>
      </c>
      <c r="AC41" s="69">
        <v>0</v>
      </c>
      <c r="AD41" s="127"/>
      <c r="AE41" s="80"/>
      <c r="AF41" s="81">
        <v>0</v>
      </c>
      <c r="AG41" s="51">
        <v>35</v>
      </c>
      <c r="AH41" s="126" t="s">
        <v>107</v>
      </c>
      <c r="AI41" s="55">
        <v>0</v>
      </c>
      <c r="AJ41" s="60"/>
      <c r="AK41" s="77"/>
      <c r="AL41" s="57"/>
      <c r="AM41" s="86"/>
      <c r="AN41" s="57"/>
      <c r="AO41" s="55">
        <v>0</v>
      </c>
      <c r="AP41" s="58">
        <v>0</v>
      </c>
      <c r="AQ41" s="82">
        <v>0</v>
      </c>
      <c r="AR41" s="57"/>
      <c r="AS41" s="76"/>
      <c r="AT41" s="61"/>
      <c r="AU41" s="77"/>
      <c r="AV41" s="61"/>
      <c r="AW41" s="55"/>
      <c r="AX41" s="62">
        <v>0</v>
      </c>
      <c r="AY41" s="63" t="e">
        <v>#DIV/0!</v>
      </c>
      <c r="AZ41" s="63" t="e">
        <v>#DIV/0!</v>
      </c>
      <c r="BA41" s="65" t="e">
        <v>#DIV/0!</v>
      </c>
      <c r="BB41" s="66" t="e">
        <v>#DIV/0!</v>
      </c>
      <c r="BC41" s="51">
        <v>35</v>
      </c>
      <c r="BD41" s="126" t="s">
        <v>107</v>
      </c>
      <c r="BE41" s="84"/>
      <c r="BF41" s="53"/>
      <c r="BG41" s="53">
        <v>0</v>
      </c>
      <c r="BH41" s="85">
        <v>0</v>
      </c>
      <c r="BI41" s="79"/>
      <c r="BJ41" s="80"/>
      <c r="BK41" s="81">
        <v>0</v>
      </c>
      <c r="BL41" s="51">
        <v>35</v>
      </c>
      <c r="BM41" s="126" t="s">
        <v>107</v>
      </c>
      <c r="BN41" s="55">
        <v>0</v>
      </c>
      <c r="BO41" s="60"/>
      <c r="BP41" s="77"/>
      <c r="BQ41" s="57"/>
      <c r="BR41" s="86"/>
      <c r="BS41" s="57"/>
      <c r="BT41" s="55">
        <v>0</v>
      </c>
      <c r="BU41" s="58">
        <v>0</v>
      </c>
      <c r="BV41" s="82">
        <v>0</v>
      </c>
      <c r="BW41" s="57"/>
      <c r="BX41" s="76"/>
      <c r="BY41" s="61"/>
      <c r="BZ41" s="77"/>
      <c r="CA41" s="61"/>
      <c r="CB41" s="55"/>
      <c r="CC41" s="62">
        <v>0</v>
      </c>
      <c r="CD41" s="63" t="e">
        <v>#DIV/0!</v>
      </c>
      <c r="CE41" s="63" t="e">
        <v>#DIV/0!</v>
      </c>
      <c r="CF41" s="65" t="e">
        <v>#DIV/0!</v>
      </c>
      <c r="CG41" s="66" t="e">
        <v>#DIV/0!</v>
      </c>
      <c r="CH41" s="51">
        <v>35</v>
      </c>
      <c r="CI41" s="126" t="s">
        <v>107</v>
      </c>
      <c r="CJ41" s="84"/>
      <c r="CK41" s="53"/>
      <c r="CL41" s="53">
        <v>0</v>
      </c>
      <c r="CM41" s="85">
        <v>0</v>
      </c>
      <c r="CN41" s="79"/>
      <c r="CO41" s="80"/>
      <c r="CP41" s="81">
        <v>0</v>
      </c>
    </row>
    <row r="42" spans="1:94" s="7" customFormat="1" ht="15" hidden="1" customHeight="1" x14ac:dyDescent="0.15">
      <c r="A42" s="50" t="e">
        <v>#REF!</v>
      </c>
      <c r="B42" s="51">
        <v>36</v>
      </c>
      <c r="C42" s="126" t="s">
        <v>108</v>
      </c>
      <c r="D42" s="53">
        <v>0</v>
      </c>
      <c r="E42" s="54"/>
      <c r="F42" s="77"/>
      <c r="G42" s="57"/>
      <c r="H42" s="86">
        <v>0</v>
      </c>
      <c r="I42" s="57"/>
      <c r="J42" s="55">
        <v>0</v>
      </c>
      <c r="K42" s="58">
        <v>0</v>
      </c>
      <c r="L42" s="53">
        <v>0</v>
      </c>
      <c r="M42" s="54"/>
      <c r="N42" s="76">
        <v>0</v>
      </c>
      <c r="O42" s="61"/>
      <c r="P42" s="77">
        <v>0</v>
      </c>
      <c r="Q42" s="61"/>
      <c r="R42" s="55">
        <v>0</v>
      </c>
      <c r="S42" s="62">
        <v>0</v>
      </c>
      <c r="T42" s="63" t="e">
        <v>#DIV/0!</v>
      </c>
      <c r="U42" s="64" t="e">
        <v>#DIV/0!</v>
      </c>
      <c r="V42" s="65" t="e">
        <v>#DIV/0!</v>
      </c>
      <c r="W42" s="66" t="e">
        <v>#DIV/0!</v>
      </c>
      <c r="X42" s="51">
        <v>36</v>
      </c>
      <c r="Y42" s="126" t="s">
        <v>108</v>
      </c>
      <c r="Z42" s="78"/>
      <c r="AA42" s="78"/>
      <c r="AB42" s="78">
        <v>0</v>
      </c>
      <c r="AC42" s="69">
        <v>0</v>
      </c>
      <c r="AD42" s="127"/>
      <c r="AE42" s="80"/>
      <c r="AF42" s="81">
        <v>0</v>
      </c>
      <c r="AG42" s="51">
        <v>36</v>
      </c>
      <c r="AH42" s="126" t="s">
        <v>108</v>
      </c>
      <c r="AI42" s="55">
        <v>0</v>
      </c>
      <c r="AJ42" s="60"/>
      <c r="AK42" s="77"/>
      <c r="AL42" s="57"/>
      <c r="AM42" s="86"/>
      <c r="AN42" s="57"/>
      <c r="AO42" s="55"/>
      <c r="AP42" s="58">
        <v>0</v>
      </c>
      <c r="AQ42" s="82">
        <v>0</v>
      </c>
      <c r="AR42" s="57"/>
      <c r="AS42" s="76"/>
      <c r="AT42" s="61"/>
      <c r="AU42" s="77"/>
      <c r="AV42" s="61"/>
      <c r="AW42" s="55"/>
      <c r="AX42" s="62">
        <v>0</v>
      </c>
      <c r="AY42" s="63" t="e">
        <v>#DIV/0!</v>
      </c>
      <c r="AZ42" s="63" t="e">
        <v>#DIV/0!</v>
      </c>
      <c r="BA42" s="65" t="e">
        <v>#DIV/0!</v>
      </c>
      <c r="BB42" s="66" t="e">
        <v>#DIV/0!</v>
      </c>
      <c r="BC42" s="51">
        <v>36</v>
      </c>
      <c r="BD42" s="126" t="s">
        <v>108</v>
      </c>
      <c r="BE42" s="84"/>
      <c r="BF42" s="53"/>
      <c r="BG42" s="53">
        <v>0</v>
      </c>
      <c r="BH42" s="69">
        <v>0</v>
      </c>
      <c r="BI42" s="79"/>
      <c r="BJ42" s="80"/>
      <c r="BK42" s="81">
        <v>0</v>
      </c>
      <c r="BL42" s="51">
        <v>36</v>
      </c>
      <c r="BM42" s="126" t="s">
        <v>108</v>
      </c>
      <c r="BN42" s="55">
        <v>0</v>
      </c>
      <c r="BO42" s="60"/>
      <c r="BP42" s="77"/>
      <c r="BQ42" s="57"/>
      <c r="BR42" s="86"/>
      <c r="BS42" s="57"/>
      <c r="BT42" s="55">
        <v>0</v>
      </c>
      <c r="BU42" s="58">
        <v>0</v>
      </c>
      <c r="BV42" s="82">
        <v>0</v>
      </c>
      <c r="BW42" s="57"/>
      <c r="BX42" s="76"/>
      <c r="BY42" s="61"/>
      <c r="BZ42" s="77"/>
      <c r="CA42" s="61"/>
      <c r="CB42" s="55"/>
      <c r="CC42" s="62">
        <v>0</v>
      </c>
      <c r="CD42" s="63" t="e">
        <v>#DIV/0!</v>
      </c>
      <c r="CE42" s="63" t="e">
        <v>#DIV/0!</v>
      </c>
      <c r="CF42" s="65" t="e">
        <v>#DIV/0!</v>
      </c>
      <c r="CG42" s="66" t="e">
        <v>#DIV/0!</v>
      </c>
      <c r="CH42" s="51">
        <v>36</v>
      </c>
      <c r="CI42" s="126" t="s">
        <v>108</v>
      </c>
      <c r="CJ42" s="84"/>
      <c r="CK42" s="53"/>
      <c r="CL42" s="53">
        <v>0</v>
      </c>
      <c r="CM42" s="69">
        <v>0</v>
      </c>
      <c r="CN42" s="79"/>
      <c r="CO42" s="80"/>
      <c r="CP42" s="81">
        <v>0</v>
      </c>
    </row>
    <row r="43" spans="1:94" s="7" customFormat="1" ht="15" hidden="1" customHeight="1" thickBot="1" x14ac:dyDescent="0.2">
      <c r="A43" s="128" t="e">
        <v>#REF!</v>
      </c>
      <c r="B43" s="91">
        <v>37</v>
      </c>
      <c r="C43" s="129" t="s">
        <v>109</v>
      </c>
      <c r="D43" s="130">
        <v>0</v>
      </c>
      <c r="E43" s="94"/>
      <c r="F43" s="97"/>
      <c r="G43" s="96"/>
      <c r="H43" s="95">
        <v>0</v>
      </c>
      <c r="I43" s="96"/>
      <c r="J43" s="55">
        <v>0</v>
      </c>
      <c r="K43" s="98">
        <v>0</v>
      </c>
      <c r="L43" s="53">
        <v>0</v>
      </c>
      <c r="M43" s="94"/>
      <c r="N43" s="99">
        <v>0</v>
      </c>
      <c r="O43" s="101"/>
      <c r="P43" s="97">
        <v>0</v>
      </c>
      <c r="Q43" s="101"/>
      <c r="R43" s="55">
        <v>0</v>
      </c>
      <c r="S43" s="102">
        <v>0</v>
      </c>
      <c r="T43" s="131" t="e">
        <v>#DIV/0!</v>
      </c>
      <c r="U43" s="132" t="e">
        <v>#DIV/0!</v>
      </c>
      <c r="V43" s="133" t="e">
        <v>#DIV/0!</v>
      </c>
      <c r="W43" s="134" t="e">
        <v>#DIV/0!</v>
      </c>
      <c r="X43" s="91">
        <v>37</v>
      </c>
      <c r="Y43" s="129" t="s">
        <v>109</v>
      </c>
      <c r="Z43" s="67"/>
      <c r="AA43" s="67"/>
      <c r="AB43" s="107">
        <v>0</v>
      </c>
      <c r="AC43" s="69">
        <v>0</v>
      </c>
      <c r="AD43" s="135"/>
      <c r="AE43" s="136"/>
      <c r="AF43" s="112">
        <v>0</v>
      </c>
      <c r="AG43" s="91">
        <v>37</v>
      </c>
      <c r="AH43" s="129" t="s">
        <v>109</v>
      </c>
      <c r="AI43" s="74">
        <v>0</v>
      </c>
      <c r="AJ43" s="100"/>
      <c r="AK43" s="97"/>
      <c r="AL43" s="96"/>
      <c r="AM43" s="95"/>
      <c r="AN43" s="96"/>
      <c r="AO43" s="74">
        <v>0</v>
      </c>
      <c r="AP43" s="98">
        <v>0</v>
      </c>
      <c r="AQ43" s="113">
        <v>0</v>
      </c>
      <c r="AR43" s="123"/>
      <c r="AS43" s="97"/>
      <c r="AT43" s="101"/>
      <c r="AU43" s="97"/>
      <c r="AV43" s="101"/>
      <c r="AW43" s="97"/>
      <c r="AX43" s="93">
        <v>0</v>
      </c>
      <c r="AY43" s="131" t="e">
        <v>#DIV/0!</v>
      </c>
      <c r="AZ43" s="131" t="e">
        <v>#DIV/0!</v>
      </c>
      <c r="BA43" s="133" t="e">
        <v>#DIV/0!</v>
      </c>
      <c r="BB43" s="134" t="e">
        <v>#DIV/0!</v>
      </c>
      <c r="BC43" s="91">
        <v>37</v>
      </c>
      <c r="BD43" s="129" t="s">
        <v>109</v>
      </c>
      <c r="BE43" s="93"/>
      <c r="BF43" s="53"/>
      <c r="BG43" s="53">
        <v>0</v>
      </c>
      <c r="BH43" s="69">
        <v>0</v>
      </c>
      <c r="BI43" s="137"/>
      <c r="BJ43" s="136"/>
      <c r="BK43" s="112">
        <v>0</v>
      </c>
      <c r="BL43" s="91">
        <v>37</v>
      </c>
      <c r="BM43" s="129" t="s">
        <v>109</v>
      </c>
      <c r="BN43" s="74">
        <v>0</v>
      </c>
      <c r="BO43" s="100"/>
      <c r="BP43" s="97"/>
      <c r="BQ43" s="96"/>
      <c r="BR43" s="95"/>
      <c r="BS43" s="96"/>
      <c r="BT43" s="74">
        <v>0</v>
      </c>
      <c r="BU43" s="98">
        <v>0</v>
      </c>
      <c r="BV43" s="113">
        <v>0</v>
      </c>
      <c r="BW43" s="123"/>
      <c r="BX43" s="97"/>
      <c r="BY43" s="101"/>
      <c r="BZ43" s="97"/>
      <c r="CA43" s="101"/>
      <c r="CB43" s="97"/>
      <c r="CC43" s="93">
        <v>0</v>
      </c>
      <c r="CD43" s="131" t="e">
        <v>#DIV/0!</v>
      </c>
      <c r="CE43" s="131" t="e">
        <v>#DIV/0!</v>
      </c>
      <c r="CF43" s="133" t="e">
        <v>#DIV/0!</v>
      </c>
      <c r="CG43" s="134" t="e">
        <v>#DIV/0!</v>
      </c>
      <c r="CH43" s="91">
        <v>37</v>
      </c>
      <c r="CI43" s="129" t="s">
        <v>109</v>
      </c>
      <c r="CJ43" s="93"/>
      <c r="CK43" s="53"/>
      <c r="CL43" s="53">
        <v>0</v>
      </c>
      <c r="CM43" s="69">
        <v>0</v>
      </c>
      <c r="CN43" s="137"/>
      <c r="CO43" s="136"/>
      <c r="CP43" s="112">
        <v>0</v>
      </c>
    </row>
    <row r="44" spans="1:94" s="169" customFormat="1" ht="15" customHeight="1" thickTop="1" thickBot="1" x14ac:dyDescent="0.2">
      <c r="A44" s="143" t="e">
        <v>#REF!</v>
      </c>
      <c r="B44" s="211" t="s">
        <v>110</v>
      </c>
      <c r="C44" s="212"/>
      <c r="D44" s="144">
        <v>1282174</v>
      </c>
      <c r="E44" s="145"/>
      <c r="F44" s="146">
        <v>300553</v>
      </c>
      <c r="G44" s="145"/>
      <c r="H44" s="147">
        <v>120822</v>
      </c>
      <c r="I44" s="145"/>
      <c r="J44" s="148">
        <v>131637</v>
      </c>
      <c r="K44" s="149">
        <v>553012</v>
      </c>
      <c r="L44" s="144">
        <v>2043556</v>
      </c>
      <c r="M44" s="145"/>
      <c r="N44" s="150">
        <v>388605</v>
      </c>
      <c r="O44" s="151"/>
      <c r="P44" s="148">
        <v>220611</v>
      </c>
      <c r="Q44" s="151"/>
      <c r="R44" s="152">
        <v>244193</v>
      </c>
      <c r="S44" s="153">
        <v>853409</v>
      </c>
      <c r="T44" s="154">
        <v>0.2344</v>
      </c>
      <c r="U44" s="155">
        <v>9.4200000000000006E-2</v>
      </c>
      <c r="V44" s="156">
        <v>0.1027</v>
      </c>
      <c r="W44" s="157">
        <v>0.43130000000000002</v>
      </c>
      <c r="X44" s="211" t="s">
        <v>110</v>
      </c>
      <c r="Y44" s="212"/>
      <c r="Z44" s="158">
        <v>9425969991</v>
      </c>
      <c r="AA44" s="159">
        <v>3582935034</v>
      </c>
      <c r="AB44" s="160">
        <v>1582261951</v>
      </c>
      <c r="AC44" s="161">
        <v>14591166976</v>
      </c>
      <c r="AD44" s="162">
        <v>1447197</v>
      </c>
      <c r="AE44" s="163">
        <v>9342283106</v>
      </c>
      <c r="AF44" s="164">
        <v>23933450082</v>
      </c>
      <c r="AG44" s="211" t="s">
        <v>110</v>
      </c>
      <c r="AH44" s="212"/>
      <c r="AI44" s="165">
        <v>1282174</v>
      </c>
      <c r="AJ44" s="166"/>
      <c r="AK44" s="146">
        <v>300553</v>
      </c>
      <c r="AL44" s="145"/>
      <c r="AM44" s="146">
        <v>120822</v>
      </c>
      <c r="AN44" s="145"/>
      <c r="AO44" s="165">
        <v>131637</v>
      </c>
      <c r="AP44" s="149">
        <v>553012</v>
      </c>
      <c r="AQ44" s="167">
        <v>2043556</v>
      </c>
      <c r="AR44" s="145"/>
      <c r="AS44" s="150">
        <v>388605</v>
      </c>
      <c r="AT44" s="151"/>
      <c r="AU44" s="148">
        <v>220611</v>
      </c>
      <c r="AV44" s="151"/>
      <c r="AW44" s="152">
        <v>244193</v>
      </c>
      <c r="AX44" s="158">
        <v>853409</v>
      </c>
      <c r="AY44" s="154">
        <v>0.2344</v>
      </c>
      <c r="AZ44" s="154">
        <v>9.4200000000000006E-2</v>
      </c>
      <c r="BA44" s="156">
        <v>0.1027</v>
      </c>
      <c r="BB44" s="157">
        <v>0.43130000000000002</v>
      </c>
      <c r="BC44" s="211" t="s">
        <v>110</v>
      </c>
      <c r="BD44" s="212"/>
      <c r="BE44" s="168">
        <v>3078979948</v>
      </c>
      <c r="BF44" s="159">
        <v>1174778995</v>
      </c>
      <c r="BG44" s="159">
        <v>517767781</v>
      </c>
      <c r="BH44" s="161">
        <v>4771526724</v>
      </c>
      <c r="BI44" s="162">
        <v>484728</v>
      </c>
      <c r="BJ44" s="163">
        <v>3076011555</v>
      </c>
      <c r="BK44" s="164">
        <v>7847538279</v>
      </c>
      <c r="BL44" s="211" t="s">
        <v>110</v>
      </c>
      <c r="BM44" s="212"/>
      <c r="BN44" s="165">
        <v>553922</v>
      </c>
      <c r="BO44" s="166"/>
      <c r="BP44" s="146">
        <v>121606</v>
      </c>
      <c r="BQ44" s="145"/>
      <c r="BR44" s="146">
        <v>49602</v>
      </c>
      <c r="BS44" s="145"/>
      <c r="BT44" s="165">
        <v>47583</v>
      </c>
      <c r="BU44" s="149">
        <v>218791</v>
      </c>
      <c r="BV44" s="167">
        <v>657385</v>
      </c>
      <c r="BW44" s="145"/>
      <c r="BX44" s="150">
        <v>131617</v>
      </c>
      <c r="BY44" s="151"/>
      <c r="BZ44" s="148">
        <v>59757</v>
      </c>
      <c r="CA44" s="151"/>
      <c r="CB44" s="148">
        <v>58146</v>
      </c>
      <c r="CC44" s="158">
        <v>249520</v>
      </c>
      <c r="CD44" s="154">
        <v>0.2195</v>
      </c>
      <c r="CE44" s="154">
        <v>8.9499999999999996E-2</v>
      </c>
      <c r="CF44" s="156">
        <v>8.5900000000000004E-2</v>
      </c>
      <c r="CG44" s="157">
        <v>0.39500000000000002</v>
      </c>
      <c r="CH44" s="211" t="s">
        <v>110</v>
      </c>
      <c r="CI44" s="212"/>
      <c r="CJ44" s="168">
        <v>1199849191</v>
      </c>
      <c r="CK44" s="159">
        <v>382950974</v>
      </c>
      <c r="CL44" s="159">
        <v>149541160</v>
      </c>
      <c r="CM44" s="161">
        <v>1732341325</v>
      </c>
      <c r="CN44" s="162">
        <v>555146</v>
      </c>
      <c r="CO44" s="163">
        <v>1076710976</v>
      </c>
      <c r="CP44" s="164">
        <v>2809052301</v>
      </c>
    </row>
    <row r="45" spans="1:94" s="169" customFormat="1" ht="15" customHeight="1" thickTop="1" thickBot="1" x14ac:dyDescent="0.2">
      <c r="A45" s="143" t="e">
        <v>#REF!</v>
      </c>
      <c r="B45" s="209" t="s">
        <v>111</v>
      </c>
      <c r="C45" s="210"/>
      <c r="D45" s="170">
        <v>50086</v>
      </c>
      <c r="E45" s="145"/>
      <c r="F45" s="146">
        <v>11065</v>
      </c>
      <c r="G45" s="145"/>
      <c r="H45" s="147">
        <v>5492</v>
      </c>
      <c r="I45" s="145"/>
      <c r="J45" s="165">
        <v>6045</v>
      </c>
      <c r="K45" s="171">
        <v>22602</v>
      </c>
      <c r="L45" s="170">
        <v>84065</v>
      </c>
      <c r="M45" s="145"/>
      <c r="N45" s="172">
        <v>14679</v>
      </c>
      <c r="O45" s="166"/>
      <c r="P45" s="165">
        <v>10393</v>
      </c>
      <c r="Q45" s="166"/>
      <c r="R45" s="173">
        <v>11433</v>
      </c>
      <c r="S45" s="174">
        <v>36505</v>
      </c>
      <c r="T45" s="175">
        <v>0.22090000000000001</v>
      </c>
      <c r="U45" s="176">
        <v>0.10970000000000001</v>
      </c>
      <c r="V45" s="177">
        <v>0.1207</v>
      </c>
      <c r="W45" s="178">
        <v>0.45129999999999998</v>
      </c>
      <c r="X45" s="209" t="s">
        <v>112</v>
      </c>
      <c r="Y45" s="210"/>
      <c r="Z45" s="144">
        <v>433798354</v>
      </c>
      <c r="AA45" s="179">
        <v>188942356</v>
      </c>
      <c r="AB45" s="179">
        <v>82083757</v>
      </c>
      <c r="AC45" s="180">
        <v>704824467</v>
      </c>
      <c r="AD45" s="181">
        <v>1139022</v>
      </c>
      <c r="AE45" s="182">
        <v>419454119</v>
      </c>
      <c r="AF45" s="183">
        <v>1124278586</v>
      </c>
      <c r="AG45" s="209" t="s">
        <v>112</v>
      </c>
      <c r="AH45" s="210"/>
      <c r="AI45" s="146">
        <v>50086</v>
      </c>
      <c r="AJ45" s="166"/>
      <c r="AK45" s="146">
        <v>11065</v>
      </c>
      <c r="AL45" s="145"/>
      <c r="AM45" s="146">
        <v>5492</v>
      </c>
      <c r="AN45" s="145"/>
      <c r="AO45" s="146">
        <v>6045</v>
      </c>
      <c r="AP45" s="171">
        <v>22602</v>
      </c>
      <c r="AQ45" s="184">
        <v>84065</v>
      </c>
      <c r="AR45" s="145"/>
      <c r="AS45" s="172">
        <v>14679</v>
      </c>
      <c r="AT45" s="166"/>
      <c r="AU45" s="165">
        <v>10393</v>
      </c>
      <c r="AV45" s="166"/>
      <c r="AW45" s="173">
        <v>11433</v>
      </c>
      <c r="AX45" s="144">
        <v>36505</v>
      </c>
      <c r="AY45" s="175">
        <v>0.22090000000000001</v>
      </c>
      <c r="AZ45" s="175">
        <v>0.10970000000000001</v>
      </c>
      <c r="BA45" s="177">
        <v>0.1207</v>
      </c>
      <c r="BB45" s="178">
        <v>0.45129999999999998</v>
      </c>
      <c r="BC45" s="209" t="s">
        <v>112</v>
      </c>
      <c r="BD45" s="210"/>
      <c r="BE45" s="165">
        <v>139868023</v>
      </c>
      <c r="BF45" s="179">
        <v>61949544</v>
      </c>
      <c r="BG45" s="179">
        <v>26474073</v>
      </c>
      <c r="BH45" s="180">
        <v>228291640</v>
      </c>
      <c r="BI45" s="181">
        <v>348112</v>
      </c>
      <c r="BJ45" s="182">
        <v>137844808</v>
      </c>
      <c r="BK45" s="164">
        <v>366136448</v>
      </c>
      <c r="BL45" s="209" t="s">
        <v>112</v>
      </c>
      <c r="BM45" s="210"/>
      <c r="BN45" s="146">
        <v>21537</v>
      </c>
      <c r="BO45" s="166"/>
      <c r="BP45" s="146">
        <v>4369</v>
      </c>
      <c r="BQ45" s="145"/>
      <c r="BR45" s="146">
        <v>2093</v>
      </c>
      <c r="BS45" s="145"/>
      <c r="BT45" s="146">
        <v>2107</v>
      </c>
      <c r="BU45" s="171">
        <v>8569</v>
      </c>
      <c r="BV45" s="184">
        <v>26075</v>
      </c>
      <c r="BW45" s="145"/>
      <c r="BX45" s="172">
        <v>4794</v>
      </c>
      <c r="BY45" s="166"/>
      <c r="BZ45" s="165">
        <v>2544</v>
      </c>
      <c r="CA45" s="166"/>
      <c r="CB45" s="165">
        <v>2580</v>
      </c>
      <c r="CC45" s="144">
        <v>9918</v>
      </c>
      <c r="CD45" s="175">
        <v>0.2029</v>
      </c>
      <c r="CE45" s="175">
        <v>9.7199999999999995E-2</v>
      </c>
      <c r="CF45" s="177">
        <v>9.7799999999999998E-2</v>
      </c>
      <c r="CG45" s="178">
        <v>0.39789999999999998</v>
      </c>
      <c r="CH45" s="209" t="s">
        <v>113</v>
      </c>
      <c r="CI45" s="210"/>
      <c r="CJ45" s="165">
        <v>50239917</v>
      </c>
      <c r="CK45" s="179">
        <v>18229945</v>
      </c>
      <c r="CL45" s="179">
        <v>7376048</v>
      </c>
      <c r="CM45" s="180">
        <v>75845910</v>
      </c>
      <c r="CN45" s="181">
        <v>429828</v>
      </c>
      <c r="CO45" s="182">
        <v>44307487</v>
      </c>
      <c r="CP45" s="164">
        <v>120153397</v>
      </c>
    </row>
    <row r="46" spans="1:94" s="169" customFormat="1" ht="15" customHeight="1" thickTop="1" thickBot="1" x14ac:dyDescent="0.2">
      <c r="A46" s="185" t="e">
        <v>#REF!</v>
      </c>
      <c r="B46" s="207" t="s">
        <v>114</v>
      </c>
      <c r="C46" s="208"/>
      <c r="D46" s="186">
        <v>1332260</v>
      </c>
      <c r="E46" s="187"/>
      <c r="F46" s="188">
        <v>311618</v>
      </c>
      <c r="G46" s="187"/>
      <c r="H46" s="189">
        <v>126314</v>
      </c>
      <c r="I46" s="190"/>
      <c r="J46" s="191">
        <v>137682</v>
      </c>
      <c r="K46" s="192">
        <v>575614</v>
      </c>
      <c r="L46" s="186">
        <v>2127621</v>
      </c>
      <c r="M46" s="187"/>
      <c r="N46" s="193">
        <v>403284</v>
      </c>
      <c r="O46" s="194"/>
      <c r="P46" s="188">
        <v>231004</v>
      </c>
      <c r="Q46" s="194"/>
      <c r="R46" s="195">
        <v>255626</v>
      </c>
      <c r="S46" s="196">
        <v>889914</v>
      </c>
      <c r="T46" s="197">
        <v>0.2339</v>
      </c>
      <c r="U46" s="198">
        <v>9.4799999999999995E-2</v>
      </c>
      <c r="V46" s="199">
        <v>0.1033</v>
      </c>
      <c r="W46" s="200">
        <v>0.43209999999999998</v>
      </c>
      <c r="X46" s="207" t="s">
        <v>114</v>
      </c>
      <c r="Y46" s="208"/>
      <c r="Z46" s="186">
        <v>9859768345</v>
      </c>
      <c r="AA46" s="201">
        <v>3771877390</v>
      </c>
      <c r="AB46" s="201">
        <v>1664345708</v>
      </c>
      <c r="AC46" s="202">
        <v>15295991443</v>
      </c>
      <c r="AD46" s="203">
        <v>2586219</v>
      </c>
      <c r="AE46" s="204">
        <v>9761737225</v>
      </c>
      <c r="AF46" s="205">
        <v>25057728668</v>
      </c>
      <c r="AG46" s="207" t="s">
        <v>114</v>
      </c>
      <c r="AH46" s="208"/>
      <c r="AI46" s="188">
        <v>1332260</v>
      </c>
      <c r="AJ46" s="194"/>
      <c r="AK46" s="188">
        <v>311618</v>
      </c>
      <c r="AL46" s="187"/>
      <c r="AM46" s="188">
        <v>126314</v>
      </c>
      <c r="AN46" s="190"/>
      <c r="AO46" s="188">
        <v>137682</v>
      </c>
      <c r="AP46" s="192">
        <v>575614</v>
      </c>
      <c r="AQ46" s="206">
        <v>2127621</v>
      </c>
      <c r="AR46" s="187"/>
      <c r="AS46" s="193">
        <v>403284</v>
      </c>
      <c r="AT46" s="194"/>
      <c r="AU46" s="188">
        <v>231004</v>
      </c>
      <c r="AV46" s="194"/>
      <c r="AW46" s="195">
        <v>255626</v>
      </c>
      <c r="AX46" s="186">
        <v>889914</v>
      </c>
      <c r="AY46" s="197">
        <v>0.2339</v>
      </c>
      <c r="AZ46" s="197">
        <v>9.4799999999999995E-2</v>
      </c>
      <c r="BA46" s="199">
        <v>0.1033</v>
      </c>
      <c r="BB46" s="200">
        <v>0.43209999999999998</v>
      </c>
      <c r="BC46" s="207" t="s">
        <v>114</v>
      </c>
      <c r="BD46" s="208"/>
      <c r="BE46" s="188">
        <v>3218847971</v>
      </c>
      <c r="BF46" s="201">
        <v>1236728539</v>
      </c>
      <c r="BG46" s="201">
        <v>544241854</v>
      </c>
      <c r="BH46" s="202">
        <v>4999818364</v>
      </c>
      <c r="BI46" s="203">
        <v>832840</v>
      </c>
      <c r="BJ46" s="204">
        <v>3213856363</v>
      </c>
      <c r="BK46" s="205">
        <v>8213674727</v>
      </c>
      <c r="BL46" s="207" t="s">
        <v>114</v>
      </c>
      <c r="BM46" s="208"/>
      <c r="BN46" s="188">
        <v>575459</v>
      </c>
      <c r="BO46" s="194"/>
      <c r="BP46" s="188">
        <v>125975</v>
      </c>
      <c r="BQ46" s="187"/>
      <c r="BR46" s="188">
        <v>51695</v>
      </c>
      <c r="BS46" s="187"/>
      <c r="BT46" s="188">
        <v>49690</v>
      </c>
      <c r="BU46" s="192">
        <v>227360</v>
      </c>
      <c r="BV46" s="206">
        <v>683460</v>
      </c>
      <c r="BW46" s="187"/>
      <c r="BX46" s="193">
        <v>136411</v>
      </c>
      <c r="BY46" s="194"/>
      <c r="BZ46" s="188">
        <v>62301</v>
      </c>
      <c r="CA46" s="194"/>
      <c r="CB46" s="188">
        <v>60726</v>
      </c>
      <c r="CC46" s="186">
        <v>259438</v>
      </c>
      <c r="CD46" s="197">
        <v>0.21890000000000001</v>
      </c>
      <c r="CE46" s="197">
        <v>8.9800000000000005E-2</v>
      </c>
      <c r="CF46" s="199">
        <v>8.6300000000000002E-2</v>
      </c>
      <c r="CG46" s="200">
        <v>0.39510000000000001</v>
      </c>
      <c r="CH46" s="207" t="s">
        <v>114</v>
      </c>
      <c r="CI46" s="208"/>
      <c r="CJ46" s="188">
        <v>1250089108</v>
      </c>
      <c r="CK46" s="201">
        <v>401180919</v>
      </c>
      <c r="CL46" s="201">
        <v>156917208</v>
      </c>
      <c r="CM46" s="202">
        <v>1808187235</v>
      </c>
      <c r="CN46" s="203">
        <v>984974</v>
      </c>
      <c r="CO46" s="204">
        <v>1121018463</v>
      </c>
      <c r="CP46" s="205">
        <v>2929205698</v>
      </c>
    </row>
    <row r="47" spans="1:94" ht="18" customHeight="1" x14ac:dyDescent="0.15">
      <c r="X47" s="140"/>
      <c r="Y47" s="140"/>
      <c r="Z47" s="141"/>
      <c r="AA47" s="139"/>
      <c r="AB47" s="139"/>
      <c r="AC47" s="139"/>
      <c r="AD47" s="139"/>
      <c r="AE47" s="139"/>
      <c r="AF47" s="139"/>
      <c r="AG47" s="139"/>
      <c r="AH47" s="139"/>
      <c r="AI47" s="139"/>
      <c r="AJ47" s="139"/>
      <c r="AK47" s="139"/>
      <c r="AL47" s="139"/>
      <c r="AM47" s="139"/>
      <c r="AN47" s="139"/>
      <c r="AO47" s="139"/>
      <c r="AP47" s="139"/>
      <c r="AQ47" s="139"/>
      <c r="AR47" s="139"/>
      <c r="AS47" s="139"/>
      <c r="AT47" s="139"/>
      <c r="AU47" s="139"/>
      <c r="AV47" s="139"/>
      <c r="AW47" s="139"/>
      <c r="AX47" s="139"/>
      <c r="AY47" s="139"/>
      <c r="AZ47" s="139"/>
      <c r="BA47" s="139"/>
      <c r="BB47" s="139"/>
      <c r="BC47" s="139"/>
      <c r="BD47" s="139"/>
      <c r="BE47" s="139"/>
      <c r="BF47" s="139"/>
      <c r="BG47" s="139"/>
      <c r="BH47" s="139"/>
      <c r="BI47" s="139"/>
      <c r="BJ47" s="139"/>
      <c r="BK47" s="139"/>
      <c r="CJ47" s="139"/>
      <c r="CK47" s="139"/>
      <c r="CL47" s="139"/>
      <c r="CM47" s="139"/>
      <c r="CN47" s="139"/>
      <c r="CO47" s="139"/>
      <c r="CP47" s="139"/>
    </row>
    <row r="48" spans="1:94" ht="18" customHeight="1" x14ac:dyDescent="0.15">
      <c r="X48" s="140"/>
      <c r="Y48" s="140"/>
      <c r="Z48" s="141"/>
      <c r="AA48" s="139"/>
      <c r="AB48" s="139"/>
      <c r="AC48" s="139"/>
      <c r="AD48" s="139"/>
      <c r="AE48" s="139"/>
      <c r="AF48" s="139"/>
      <c r="AG48" s="139"/>
      <c r="AH48" s="139"/>
      <c r="AI48" s="139"/>
      <c r="AJ48" s="139"/>
      <c r="AK48" s="139"/>
      <c r="AL48" s="139"/>
      <c r="AM48" s="139"/>
      <c r="AN48" s="139"/>
      <c r="AO48" s="139"/>
      <c r="AP48" s="139"/>
      <c r="AQ48" s="139"/>
      <c r="AR48" s="139"/>
      <c r="AS48" s="139"/>
      <c r="AT48" s="139"/>
      <c r="AU48" s="139"/>
      <c r="AV48" s="139"/>
      <c r="AW48" s="139"/>
      <c r="AX48" s="139"/>
      <c r="AY48" s="139"/>
      <c r="AZ48" s="139"/>
      <c r="BA48" s="139"/>
      <c r="BB48" s="139"/>
      <c r="BC48" s="139"/>
      <c r="BD48" s="139"/>
      <c r="BE48" s="139"/>
      <c r="BF48" s="139"/>
      <c r="BG48" s="139"/>
      <c r="BH48" s="139"/>
      <c r="BI48" s="139"/>
      <c r="BJ48" s="139"/>
      <c r="BK48" s="139"/>
      <c r="CJ48" s="139"/>
      <c r="CK48" s="139"/>
      <c r="CL48" s="139"/>
      <c r="CM48" s="139"/>
      <c r="CN48" s="139"/>
      <c r="CO48" s="139"/>
      <c r="CP48" s="139"/>
    </row>
    <row r="49" spans="24:94" ht="18" customHeight="1" x14ac:dyDescent="0.15">
      <c r="X49" s="140"/>
      <c r="Y49" s="140"/>
      <c r="Z49" s="141"/>
      <c r="AA49" s="139"/>
      <c r="AB49" s="139"/>
      <c r="AC49" s="139"/>
      <c r="AD49" s="139"/>
      <c r="AE49" s="139"/>
      <c r="AF49" s="139"/>
      <c r="AG49" s="139"/>
      <c r="AH49" s="139"/>
      <c r="AI49" s="139"/>
      <c r="AJ49" s="139"/>
      <c r="AK49" s="139"/>
      <c r="AL49" s="139"/>
      <c r="AM49" s="139"/>
      <c r="AN49" s="139"/>
      <c r="AO49" s="139"/>
      <c r="AP49" s="139"/>
      <c r="AQ49" s="139"/>
      <c r="AR49" s="139"/>
      <c r="AS49" s="139"/>
      <c r="AT49" s="139"/>
      <c r="AU49" s="139"/>
      <c r="AV49" s="139"/>
      <c r="AW49" s="139"/>
      <c r="AX49" s="139"/>
      <c r="AY49" s="139"/>
      <c r="AZ49" s="139"/>
      <c r="BA49" s="139"/>
      <c r="BB49" s="139"/>
      <c r="BC49" s="139"/>
      <c r="BD49" s="139"/>
      <c r="BE49" s="139"/>
      <c r="BF49" s="139"/>
      <c r="BG49" s="139"/>
      <c r="BH49" s="139"/>
      <c r="BI49" s="139"/>
      <c r="BJ49" s="139"/>
      <c r="BK49" s="139"/>
      <c r="CJ49" s="139"/>
      <c r="CK49" s="139"/>
      <c r="CL49" s="139"/>
      <c r="CM49" s="139"/>
      <c r="CN49" s="139"/>
      <c r="CO49" s="139"/>
      <c r="CP49" s="139"/>
    </row>
    <row r="50" spans="24:94" ht="18" customHeight="1" x14ac:dyDescent="0.15">
      <c r="X50" s="140"/>
      <c r="Y50" s="140"/>
      <c r="Z50" s="141"/>
      <c r="AA50" s="139"/>
      <c r="AB50" s="139"/>
      <c r="AC50" s="139"/>
      <c r="AD50" s="139"/>
      <c r="AE50" s="139"/>
      <c r="AF50" s="139"/>
      <c r="AG50" s="139"/>
      <c r="AH50" s="139"/>
      <c r="AI50" s="139"/>
      <c r="AJ50" s="139"/>
      <c r="AK50" s="139"/>
      <c r="AL50" s="139"/>
      <c r="AM50" s="139"/>
      <c r="AN50" s="139"/>
      <c r="AO50" s="139"/>
      <c r="AP50" s="139"/>
      <c r="AQ50" s="139"/>
      <c r="AR50" s="139"/>
      <c r="AS50" s="139"/>
      <c r="AT50" s="139"/>
      <c r="AU50" s="139"/>
      <c r="AV50" s="139"/>
      <c r="AW50" s="139"/>
      <c r="AX50" s="139"/>
      <c r="AY50" s="139"/>
      <c r="AZ50" s="139"/>
      <c r="BA50" s="139"/>
      <c r="BB50" s="139"/>
      <c r="BC50" s="139"/>
      <c r="BD50" s="139"/>
      <c r="BE50" s="139"/>
      <c r="BF50" s="139"/>
      <c r="BG50" s="139"/>
      <c r="BH50" s="139"/>
      <c r="BI50" s="139"/>
      <c r="BJ50" s="139"/>
      <c r="BK50" s="139"/>
      <c r="CJ50" s="139"/>
      <c r="CK50" s="139"/>
      <c r="CL50" s="139"/>
      <c r="CM50" s="139"/>
      <c r="CN50" s="139"/>
      <c r="CO50" s="139"/>
      <c r="CP50" s="139"/>
    </row>
    <row r="51" spans="24:94" ht="18" customHeight="1" x14ac:dyDescent="0.15">
      <c r="X51" s="140"/>
      <c r="Y51" s="140"/>
      <c r="Z51" s="141"/>
      <c r="AA51" s="139"/>
      <c r="AB51" s="139"/>
      <c r="AC51" s="139"/>
      <c r="AD51" s="139"/>
      <c r="AE51" s="139"/>
      <c r="AF51" s="139"/>
      <c r="AG51" s="139"/>
      <c r="AH51" s="139"/>
      <c r="AI51" s="139"/>
      <c r="AJ51" s="139"/>
      <c r="AK51" s="139"/>
      <c r="AL51" s="139"/>
      <c r="AM51" s="139"/>
      <c r="AN51" s="139"/>
      <c r="AO51" s="139"/>
      <c r="AP51" s="139"/>
      <c r="AQ51" s="139"/>
      <c r="AR51" s="139"/>
      <c r="AS51" s="139"/>
      <c r="AT51" s="139"/>
      <c r="AU51" s="139"/>
      <c r="AV51" s="139"/>
      <c r="AW51" s="139"/>
      <c r="AX51" s="139"/>
      <c r="AY51" s="139"/>
      <c r="AZ51" s="139"/>
      <c r="BA51" s="139"/>
      <c r="BB51" s="139"/>
      <c r="BC51" s="139"/>
      <c r="BD51" s="139"/>
      <c r="BE51" s="139"/>
      <c r="BF51" s="139"/>
      <c r="BG51" s="139"/>
      <c r="BH51" s="139"/>
      <c r="BI51" s="139"/>
      <c r="BJ51" s="139"/>
      <c r="BK51" s="139"/>
      <c r="CJ51" s="139"/>
      <c r="CK51" s="139"/>
      <c r="CL51" s="139"/>
      <c r="CM51" s="139"/>
      <c r="CN51" s="139"/>
      <c r="CO51" s="139"/>
      <c r="CP51" s="139"/>
    </row>
    <row r="52" spans="24:94" ht="18" customHeight="1" x14ac:dyDescent="0.15">
      <c r="X52" s="140"/>
      <c r="Y52" s="140"/>
      <c r="Z52" s="141"/>
      <c r="AA52" s="139"/>
      <c r="AB52" s="139"/>
      <c r="AC52" s="139"/>
      <c r="AD52" s="139"/>
      <c r="AE52" s="139"/>
      <c r="AF52" s="139"/>
      <c r="AG52" s="139"/>
      <c r="AH52" s="139"/>
      <c r="AI52" s="139"/>
      <c r="AJ52" s="139"/>
      <c r="AK52" s="139"/>
      <c r="AL52" s="139"/>
      <c r="AM52" s="139"/>
      <c r="AN52" s="139"/>
      <c r="AO52" s="139"/>
      <c r="AP52" s="139"/>
      <c r="AQ52" s="139"/>
      <c r="AR52" s="139"/>
      <c r="AS52" s="139"/>
      <c r="AT52" s="139"/>
      <c r="AU52" s="139"/>
      <c r="AV52" s="139"/>
      <c r="AW52" s="139"/>
      <c r="AX52" s="139"/>
      <c r="AY52" s="139"/>
      <c r="AZ52" s="139"/>
      <c r="BA52" s="139"/>
      <c r="BB52" s="139"/>
      <c r="BC52" s="139"/>
      <c r="BD52" s="139"/>
      <c r="BE52" s="139"/>
      <c r="BF52" s="139"/>
      <c r="BG52" s="139"/>
      <c r="BH52" s="139"/>
      <c r="BI52" s="139"/>
      <c r="BJ52" s="139"/>
      <c r="BK52" s="139"/>
      <c r="CJ52" s="139"/>
      <c r="CK52" s="139"/>
      <c r="CL52" s="139"/>
      <c r="CM52" s="139"/>
      <c r="CN52" s="139"/>
      <c r="CO52" s="139"/>
      <c r="CP52" s="139"/>
    </row>
    <row r="53" spans="24:94" ht="18" customHeight="1" x14ac:dyDescent="0.15">
      <c r="X53" s="140"/>
      <c r="Y53" s="140"/>
      <c r="Z53" s="141"/>
      <c r="AA53" s="139"/>
      <c r="AB53" s="139"/>
      <c r="AC53" s="139"/>
      <c r="AD53" s="139"/>
      <c r="AE53" s="139"/>
      <c r="AF53" s="139"/>
      <c r="AG53" s="139"/>
      <c r="AH53" s="139"/>
      <c r="AI53" s="139"/>
      <c r="AJ53" s="139"/>
      <c r="AK53" s="139"/>
      <c r="AL53" s="139"/>
      <c r="AM53" s="139"/>
      <c r="AN53" s="139"/>
      <c r="AO53" s="139"/>
      <c r="AP53" s="139"/>
      <c r="AQ53" s="139"/>
      <c r="AR53" s="139"/>
      <c r="AS53" s="139"/>
      <c r="AT53" s="139"/>
      <c r="AU53" s="139"/>
      <c r="AV53" s="139"/>
      <c r="AW53" s="139"/>
      <c r="AX53" s="139"/>
      <c r="AY53" s="139"/>
      <c r="AZ53" s="139"/>
      <c r="BA53" s="139"/>
      <c r="BB53" s="139"/>
      <c r="BC53" s="139"/>
      <c r="BD53" s="139"/>
      <c r="BE53" s="139"/>
      <c r="BF53" s="139"/>
      <c r="BG53" s="139"/>
      <c r="BH53" s="139"/>
      <c r="BI53" s="139"/>
      <c r="BJ53" s="139"/>
      <c r="BK53" s="139"/>
      <c r="CJ53" s="139"/>
      <c r="CK53" s="139"/>
      <c r="CL53" s="139"/>
      <c r="CM53" s="139"/>
      <c r="CN53" s="139"/>
      <c r="CO53" s="139"/>
      <c r="CP53" s="139"/>
    </row>
    <row r="54" spans="24:94" ht="18" customHeight="1" x14ac:dyDescent="0.15">
      <c r="X54" s="140"/>
      <c r="Y54" s="140"/>
      <c r="Z54" s="141"/>
      <c r="AA54" s="139"/>
      <c r="AB54" s="139"/>
      <c r="AC54" s="139"/>
      <c r="AD54" s="139"/>
      <c r="AE54" s="139"/>
      <c r="AF54" s="139"/>
      <c r="AG54" s="139"/>
      <c r="AH54" s="139"/>
      <c r="AI54" s="139"/>
      <c r="AJ54" s="139"/>
      <c r="AK54" s="139"/>
      <c r="AL54" s="139"/>
      <c r="AM54" s="139"/>
      <c r="AN54" s="139"/>
      <c r="AO54" s="139"/>
      <c r="AP54" s="139"/>
      <c r="AQ54" s="139"/>
      <c r="AR54" s="139"/>
      <c r="AS54" s="139"/>
      <c r="AT54" s="139"/>
      <c r="AU54" s="139"/>
      <c r="AV54" s="139"/>
      <c r="AW54" s="139"/>
      <c r="AX54" s="139"/>
      <c r="AY54" s="139"/>
      <c r="AZ54" s="139"/>
      <c r="BA54" s="139"/>
      <c r="BB54" s="139"/>
      <c r="BC54" s="139"/>
      <c r="BD54" s="139"/>
      <c r="BE54" s="139"/>
      <c r="BF54" s="139"/>
      <c r="BG54" s="139"/>
      <c r="BH54" s="139"/>
      <c r="BI54" s="139"/>
      <c r="BJ54" s="139"/>
      <c r="BK54" s="139"/>
      <c r="CJ54" s="139"/>
      <c r="CK54" s="139"/>
      <c r="CL54" s="139"/>
      <c r="CM54" s="139"/>
      <c r="CN54" s="139"/>
      <c r="CO54" s="139"/>
      <c r="CP54" s="139"/>
    </row>
    <row r="55" spans="24:94" ht="18" customHeight="1" x14ac:dyDescent="0.15">
      <c r="X55" s="140"/>
      <c r="Y55" s="140"/>
      <c r="Z55" s="141"/>
      <c r="AA55" s="139"/>
      <c r="AB55" s="139"/>
      <c r="AC55" s="139"/>
      <c r="AD55" s="139"/>
      <c r="AE55" s="139"/>
      <c r="AF55" s="139"/>
      <c r="AG55" s="139"/>
      <c r="AH55" s="139"/>
      <c r="AI55" s="139"/>
      <c r="AJ55" s="139"/>
      <c r="AK55" s="139"/>
      <c r="AL55" s="139"/>
      <c r="AM55" s="139"/>
      <c r="AN55" s="139"/>
      <c r="AO55" s="139"/>
      <c r="AP55" s="139"/>
      <c r="AQ55" s="139"/>
      <c r="AR55" s="139"/>
      <c r="AS55" s="139"/>
      <c r="AT55" s="139"/>
      <c r="AU55" s="139"/>
      <c r="AV55" s="139"/>
      <c r="AW55" s="139"/>
      <c r="AX55" s="139"/>
      <c r="AY55" s="139"/>
      <c r="AZ55" s="139"/>
      <c r="BA55" s="139"/>
      <c r="BB55" s="139"/>
      <c r="BC55" s="139"/>
      <c r="BD55" s="139"/>
      <c r="BE55" s="139"/>
      <c r="BF55" s="139"/>
      <c r="BG55" s="139"/>
      <c r="BH55" s="139"/>
      <c r="BI55" s="139"/>
      <c r="BJ55" s="139"/>
      <c r="BK55" s="139"/>
      <c r="CJ55" s="139"/>
      <c r="CK55" s="139"/>
      <c r="CL55" s="139"/>
      <c r="CM55" s="139"/>
      <c r="CN55" s="139"/>
      <c r="CO55" s="139"/>
      <c r="CP55" s="139"/>
    </row>
    <row r="56" spans="24:94" ht="18" customHeight="1" x14ac:dyDescent="0.15">
      <c r="X56" s="140"/>
      <c r="Y56" s="140"/>
      <c r="Z56" s="141"/>
      <c r="AA56" s="139"/>
      <c r="AB56" s="139"/>
      <c r="AC56" s="139"/>
      <c r="AD56" s="139"/>
      <c r="AE56" s="139"/>
      <c r="AF56" s="139"/>
      <c r="AG56" s="139"/>
      <c r="AH56" s="139"/>
      <c r="AI56" s="139"/>
      <c r="AJ56" s="139"/>
      <c r="AK56" s="139"/>
      <c r="AL56" s="139"/>
      <c r="AM56" s="139"/>
      <c r="AN56" s="139"/>
      <c r="AO56" s="139"/>
      <c r="AP56" s="139"/>
      <c r="AQ56" s="139"/>
      <c r="AR56" s="139"/>
      <c r="AS56" s="139"/>
      <c r="AT56" s="139"/>
      <c r="AU56" s="139"/>
      <c r="AV56" s="139"/>
      <c r="AW56" s="139"/>
      <c r="AX56" s="139"/>
      <c r="AY56" s="139"/>
      <c r="AZ56" s="139"/>
      <c r="BA56" s="139"/>
      <c r="BB56" s="139"/>
      <c r="BC56" s="139"/>
      <c r="BD56" s="139"/>
      <c r="BE56" s="139"/>
      <c r="BF56" s="139"/>
      <c r="BG56" s="139"/>
      <c r="BH56" s="139"/>
      <c r="BI56" s="139"/>
      <c r="BJ56" s="139"/>
      <c r="BK56" s="139"/>
      <c r="CJ56" s="139"/>
      <c r="CK56" s="139"/>
      <c r="CL56" s="139"/>
      <c r="CM56" s="139"/>
      <c r="CN56" s="139"/>
      <c r="CO56" s="139"/>
      <c r="CP56" s="139"/>
    </row>
    <row r="57" spans="24:94" ht="18" customHeight="1" x14ac:dyDescent="0.15">
      <c r="X57" s="140"/>
      <c r="Y57" s="140"/>
      <c r="Z57" s="141"/>
      <c r="AA57" s="139"/>
      <c r="AB57" s="139"/>
      <c r="AC57" s="139"/>
      <c r="AD57" s="139"/>
      <c r="AE57" s="139"/>
      <c r="AF57" s="139"/>
      <c r="AG57" s="139"/>
      <c r="AH57" s="139"/>
      <c r="AI57" s="139"/>
      <c r="AJ57" s="139"/>
      <c r="AK57" s="139"/>
      <c r="AL57" s="139"/>
      <c r="AM57" s="139"/>
      <c r="AN57" s="139"/>
      <c r="AO57" s="139"/>
      <c r="AP57" s="139"/>
      <c r="AQ57" s="139"/>
      <c r="AR57" s="139"/>
      <c r="AS57" s="139"/>
      <c r="AT57" s="139"/>
      <c r="AU57" s="139"/>
      <c r="AV57" s="139"/>
      <c r="AW57" s="139"/>
      <c r="AX57" s="139"/>
      <c r="AY57" s="139"/>
      <c r="AZ57" s="139"/>
      <c r="BA57" s="139"/>
      <c r="BB57" s="139"/>
      <c r="BC57" s="139"/>
      <c r="BD57" s="139"/>
      <c r="BE57" s="139"/>
      <c r="BF57" s="139"/>
      <c r="BG57" s="139"/>
      <c r="BH57" s="139"/>
      <c r="BI57" s="139"/>
      <c r="BJ57" s="139"/>
      <c r="BK57" s="139"/>
      <c r="CJ57" s="139"/>
      <c r="CK57" s="139"/>
      <c r="CL57" s="139"/>
      <c r="CM57" s="139"/>
      <c r="CN57" s="139"/>
      <c r="CO57" s="139"/>
      <c r="CP57" s="139"/>
    </row>
    <row r="58" spans="24:94" ht="18" customHeight="1" x14ac:dyDescent="0.15">
      <c r="X58" s="140"/>
      <c r="Y58" s="140"/>
      <c r="Z58" s="141"/>
      <c r="AA58" s="139"/>
      <c r="AB58" s="139"/>
      <c r="AC58" s="139"/>
      <c r="AD58" s="139"/>
      <c r="AE58" s="139"/>
      <c r="AF58" s="139"/>
      <c r="AG58" s="139"/>
      <c r="AH58" s="139"/>
      <c r="AI58" s="139"/>
      <c r="AJ58" s="139"/>
      <c r="AK58" s="139"/>
      <c r="AL58" s="139"/>
      <c r="AM58" s="139"/>
      <c r="AN58" s="139"/>
      <c r="AO58" s="139"/>
      <c r="AP58" s="139"/>
      <c r="AQ58" s="139"/>
      <c r="AR58" s="139"/>
      <c r="AS58" s="139"/>
      <c r="AT58" s="139"/>
      <c r="AU58" s="139"/>
      <c r="AV58" s="139"/>
      <c r="AW58" s="139"/>
      <c r="AX58" s="139"/>
      <c r="AY58" s="139"/>
      <c r="AZ58" s="139"/>
      <c r="BA58" s="139"/>
      <c r="BB58" s="139"/>
      <c r="BC58" s="139"/>
      <c r="BD58" s="139"/>
      <c r="BE58" s="139"/>
      <c r="BF58" s="139"/>
      <c r="BG58" s="139"/>
      <c r="BH58" s="139"/>
      <c r="BI58" s="139"/>
      <c r="BJ58" s="139"/>
      <c r="BK58" s="139"/>
      <c r="CJ58" s="139"/>
      <c r="CK58" s="139"/>
      <c r="CL58" s="139"/>
      <c r="CM58" s="139"/>
      <c r="CN58" s="139"/>
      <c r="CO58" s="139"/>
      <c r="CP58" s="139"/>
    </row>
    <row r="59" spans="24:94" ht="18" customHeight="1" x14ac:dyDescent="0.15">
      <c r="X59" s="140"/>
      <c r="Y59" s="140"/>
      <c r="Z59" s="141"/>
      <c r="AA59" s="139"/>
      <c r="AB59" s="139"/>
      <c r="AC59" s="139"/>
      <c r="AD59" s="139"/>
      <c r="AE59" s="139"/>
      <c r="AF59" s="139"/>
      <c r="AG59" s="139"/>
      <c r="AH59" s="139"/>
      <c r="AI59" s="139"/>
      <c r="AJ59" s="139"/>
      <c r="AK59" s="139"/>
      <c r="AL59" s="139"/>
      <c r="AM59" s="139"/>
      <c r="AN59" s="139"/>
      <c r="AO59" s="139"/>
      <c r="AP59" s="139"/>
      <c r="AQ59" s="139"/>
      <c r="AR59" s="139"/>
      <c r="AS59" s="139"/>
      <c r="AT59" s="139"/>
      <c r="AU59" s="139"/>
      <c r="AV59" s="139"/>
      <c r="AW59" s="139"/>
      <c r="AX59" s="139"/>
      <c r="AY59" s="139"/>
      <c r="AZ59" s="139"/>
      <c r="BA59" s="139"/>
      <c r="BB59" s="139"/>
      <c r="BC59" s="139"/>
      <c r="BD59" s="139"/>
      <c r="BE59" s="139"/>
      <c r="BF59" s="139"/>
      <c r="BG59" s="139"/>
      <c r="BH59" s="139"/>
      <c r="BI59" s="139"/>
      <c r="BJ59" s="139"/>
      <c r="BK59" s="139"/>
      <c r="CJ59" s="139"/>
      <c r="CK59" s="139"/>
      <c r="CL59" s="139"/>
      <c r="CM59" s="139"/>
      <c r="CN59" s="139"/>
      <c r="CO59" s="139"/>
      <c r="CP59" s="139"/>
    </row>
    <row r="60" spans="24:94" ht="18" customHeight="1" x14ac:dyDescent="0.15">
      <c r="X60" s="140"/>
      <c r="Y60" s="140"/>
      <c r="Z60" s="141"/>
      <c r="AA60" s="139"/>
      <c r="AB60" s="139"/>
      <c r="AC60" s="139"/>
      <c r="AD60" s="139"/>
      <c r="AE60" s="139"/>
      <c r="AF60" s="139"/>
      <c r="AG60" s="139"/>
      <c r="AH60" s="139"/>
      <c r="AI60" s="139"/>
      <c r="AJ60" s="139"/>
      <c r="AK60" s="139"/>
      <c r="AL60" s="139"/>
      <c r="AM60" s="139"/>
      <c r="AN60" s="139"/>
      <c r="AO60" s="139"/>
      <c r="AP60" s="139"/>
      <c r="AQ60" s="139"/>
      <c r="AR60" s="139"/>
      <c r="AS60" s="139"/>
      <c r="AT60" s="139"/>
      <c r="AU60" s="139"/>
      <c r="AV60" s="139"/>
      <c r="AW60" s="139"/>
      <c r="AX60" s="139"/>
      <c r="AY60" s="139"/>
      <c r="AZ60" s="139"/>
      <c r="BA60" s="139"/>
      <c r="BB60" s="139"/>
      <c r="BC60" s="139"/>
      <c r="BD60" s="139"/>
      <c r="BE60" s="139"/>
      <c r="BF60" s="139"/>
      <c r="BG60" s="139"/>
      <c r="BH60" s="139"/>
      <c r="BI60" s="139"/>
      <c r="BJ60" s="139"/>
      <c r="BK60" s="139"/>
      <c r="CJ60" s="139"/>
      <c r="CK60" s="139"/>
      <c r="CL60" s="139"/>
      <c r="CM60" s="139"/>
      <c r="CN60" s="139"/>
      <c r="CO60" s="139"/>
      <c r="CP60" s="139"/>
    </row>
    <row r="61" spans="24:94" ht="18" customHeight="1" x14ac:dyDescent="0.15">
      <c r="X61" s="140"/>
      <c r="Y61" s="140"/>
      <c r="Z61" s="141"/>
      <c r="AA61" s="139"/>
      <c r="AB61" s="139"/>
      <c r="AC61" s="139"/>
      <c r="AD61" s="139"/>
      <c r="AE61" s="139"/>
      <c r="AF61" s="139"/>
      <c r="AG61" s="139"/>
      <c r="AH61" s="139"/>
      <c r="AI61" s="139"/>
      <c r="AJ61" s="139"/>
      <c r="AK61" s="139"/>
      <c r="AL61" s="139"/>
      <c r="AM61" s="139"/>
      <c r="AN61" s="139"/>
      <c r="AO61" s="139"/>
      <c r="AP61" s="139"/>
      <c r="AQ61" s="139"/>
      <c r="AR61" s="139"/>
      <c r="AS61" s="139"/>
      <c r="AT61" s="139"/>
      <c r="AU61" s="139"/>
      <c r="AV61" s="139"/>
      <c r="AW61" s="139"/>
      <c r="AX61" s="139"/>
      <c r="AY61" s="139"/>
      <c r="AZ61" s="139"/>
      <c r="BA61" s="139"/>
      <c r="BB61" s="139"/>
      <c r="BC61" s="139"/>
      <c r="BD61" s="139"/>
      <c r="BE61" s="139"/>
      <c r="BF61" s="139"/>
      <c r="BG61" s="139"/>
      <c r="BH61" s="139"/>
      <c r="BI61" s="139"/>
      <c r="BJ61" s="139"/>
      <c r="BK61" s="139"/>
      <c r="CJ61" s="139"/>
      <c r="CK61" s="139"/>
      <c r="CL61" s="139"/>
      <c r="CM61" s="139"/>
      <c r="CN61" s="139"/>
      <c r="CO61" s="139"/>
      <c r="CP61" s="139"/>
    </row>
    <row r="62" spans="24:94" ht="18" customHeight="1" x14ac:dyDescent="0.15">
      <c r="X62" s="140"/>
      <c r="Y62" s="140"/>
      <c r="Z62" s="141"/>
      <c r="AA62" s="139"/>
      <c r="AB62" s="139"/>
      <c r="AC62" s="139"/>
      <c r="AD62" s="139"/>
      <c r="AE62" s="139"/>
      <c r="AF62" s="139"/>
      <c r="AG62" s="139"/>
      <c r="AH62" s="139"/>
      <c r="AI62" s="139"/>
      <c r="AJ62" s="139"/>
      <c r="AK62" s="139"/>
      <c r="AL62" s="139"/>
      <c r="AM62" s="139"/>
      <c r="AN62" s="139"/>
      <c r="AO62" s="139"/>
      <c r="AP62" s="139"/>
      <c r="AQ62" s="139"/>
      <c r="AR62" s="139"/>
      <c r="AS62" s="139"/>
      <c r="AT62" s="139"/>
      <c r="AU62" s="139"/>
      <c r="AV62" s="139"/>
      <c r="AW62" s="139"/>
      <c r="AX62" s="139"/>
      <c r="AY62" s="139"/>
      <c r="AZ62" s="139"/>
      <c r="BA62" s="139"/>
      <c r="BB62" s="139"/>
      <c r="BC62" s="139"/>
      <c r="BD62" s="139"/>
      <c r="BE62" s="139"/>
      <c r="BF62" s="139"/>
      <c r="BG62" s="139"/>
      <c r="BH62" s="139"/>
      <c r="BI62" s="139"/>
      <c r="BJ62" s="139"/>
      <c r="BK62" s="139"/>
      <c r="CJ62" s="139"/>
      <c r="CK62" s="139"/>
      <c r="CL62" s="139"/>
      <c r="CM62" s="139"/>
      <c r="CN62" s="139"/>
      <c r="CO62" s="139"/>
      <c r="CP62" s="139"/>
    </row>
    <row r="63" spans="24:94" ht="18" customHeight="1" x14ac:dyDescent="0.15">
      <c r="X63" s="140"/>
      <c r="Y63" s="140"/>
      <c r="Z63" s="141"/>
      <c r="AA63" s="139"/>
      <c r="AB63" s="139"/>
      <c r="AC63" s="139"/>
      <c r="AD63" s="139"/>
      <c r="AE63" s="139"/>
      <c r="AF63" s="139"/>
      <c r="AG63" s="139"/>
      <c r="AH63" s="139"/>
      <c r="AI63" s="139"/>
      <c r="AJ63" s="139"/>
      <c r="AK63" s="139"/>
      <c r="AL63" s="139"/>
      <c r="AM63" s="139"/>
      <c r="AN63" s="139"/>
      <c r="AO63" s="139"/>
      <c r="AP63" s="139"/>
      <c r="AQ63" s="139"/>
      <c r="AR63" s="139"/>
      <c r="AS63" s="139"/>
      <c r="AT63" s="139"/>
      <c r="AU63" s="139"/>
      <c r="AV63" s="139"/>
      <c r="AW63" s="139"/>
      <c r="AX63" s="139"/>
      <c r="AY63" s="139"/>
      <c r="AZ63" s="139"/>
      <c r="BA63" s="139"/>
      <c r="BB63" s="139"/>
      <c r="BC63" s="139"/>
      <c r="BD63" s="139"/>
      <c r="BE63" s="139"/>
      <c r="BF63" s="139"/>
      <c r="BG63" s="139"/>
      <c r="BH63" s="139"/>
      <c r="BI63" s="139"/>
      <c r="BJ63" s="139"/>
      <c r="BK63" s="139"/>
      <c r="CJ63" s="139"/>
      <c r="CK63" s="139"/>
      <c r="CL63" s="139"/>
      <c r="CM63" s="139"/>
      <c r="CN63" s="139"/>
      <c r="CO63" s="139"/>
      <c r="CP63" s="139"/>
    </row>
    <row r="64" spans="24:94" ht="18" customHeight="1" x14ac:dyDescent="0.15">
      <c r="X64" s="140"/>
      <c r="Y64" s="140"/>
      <c r="Z64" s="141"/>
      <c r="AA64" s="139"/>
      <c r="AB64" s="139"/>
      <c r="AC64" s="139"/>
      <c r="AD64" s="139"/>
      <c r="AE64" s="139"/>
      <c r="AF64" s="139"/>
      <c r="AG64" s="139"/>
      <c r="AH64" s="139"/>
      <c r="AI64" s="139"/>
      <c r="AJ64" s="139"/>
      <c r="AK64" s="139"/>
      <c r="AL64" s="139"/>
      <c r="AM64" s="139"/>
      <c r="AN64" s="139"/>
      <c r="AO64" s="139"/>
      <c r="AP64" s="139"/>
      <c r="AQ64" s="139"/>
      <c r="AR64" s="139"/>
      <c r="AS64" s="139"/>
      <c r="AT64" s="139"/>
      <c r="AU64" s="139"/>
      <c r="AV64" s="139"/>
      <c r="AW64" s="139"/>
      <c r="AX64" s="139"/>
      <c r="AY64" s="139"/>
      <c r="AZ64" s="139"/>
      <c r="BA64" s="139"/>
      <c r="BB64" s="139"/>
      <c r="BC64" s="139"/>
      <c r="BD64" s="139"/>
      <c r="BE64" s="139"/>
      <c r="BF64" s="139"/>
      <c r="BG64" s="139"/>
      <c r="BH64" s="139"/>
      <c r="BI64" s="139"/>
      <c r="BJ64" s="139"/>
      <c r="BK64" s="139"/>
      <c r="CJ64" s="139"/>
      <c r="CK64" s="139"/>
      <c r="CL64" s="139"/>
      <c r="CM64" s="139"/>
      <c r="CN64" s="139"/>
      <c r="CO64" s="139"/>
      <c r="CP64" s="139"/>
    </row>
    <row r="65" spans="24:94" ht="18" customHeight="1" x14ac:dyDescent="0.15">
      <c r="X65" s="140"/>
      <c r="Y65" s="140"/>
      <c r="Z65" s="141"/>
      <c r="AA65" s="139"/>
      <c r="AB65" s="139"/>
      <c r="AC65" s="139"/>
      <c r="AD65" s="139"/>
      <c r="AE65" s="139"/>
      <c r="AF65" s="139"/>
      <c r="AG65" s="139"/>
      <c r="AH65" s="139"/>
      <c r="AI65" s="139"/>
      <c r="AJ65" s="139"/>
      <c r="AK65" s="139"/>
      <c r="AL65" s="139"/>
      <c r="AM65" s="139"/>
      <c r="AN65" s="139"/>
      <c r="AO65" s="139"/>
      <c r="AP65" s="139"/>
      <c r="AQ65" s="139"/>
      <c r="AR65" s="139"/>
      <c r="AS65" s="139"/>
      <c r="AT65" s="139"/>
      <c r="AU65" s="139"/>
      <c r="AV65" s="139"/>
      <c r="AW65" s="139"/>
      <c r="AX65" s="139"/>
      <c r="AY65" s="139"/>
      <c r="AZ65" s="139"/>
      <c r="BA65" s="139"/>
      <c r="BB65" s="139"/>
      <c r="BC65" s="139"/>
      <c r="BD65" s="139"/>
      <c r="BE65" s="139"/>
      <c r="BF65" s="139"/>
      <c r="BG65" s="139"/>
      <c r="BH65" s="139"/>
      <c r="BI65" s="139"/>
      <c r="BJ65" s="139"/>
      <c r="BK65" s="139"/>
      <c r="CJ65" s="139"/>
      <c r="CK65" s="139"/>
      <c r="CL65" s="139"/>
      <c r="CM65" s="139"/>
      <c r="CN65" s="139"/>
      <c r="CO65" s="139"/>
      <c r="CP65" s="139"/>
    </row>
    <row r="66" spans="24:94" ht="18" customHeight="1" x14ac:dyDescent="0.15">
      <c r="X66" s="140"/>
      <c r="Y66" s="140"/>
      <c r="Z66" s="141"/>
      <c r="AA66" s="139"/>
      <c r="AB66" s="139"/>
      <c r="AC66" s="139"/>
      <c r="AD66" s="139"/>
      <c r="AE66" s="139"/>
      <c r="AF66" s="139"/>
      <c r="AG66" s="139"/>
      <c r="AH66" s="139"/>
      <c r="AI66" s="139"/>
      <c r="AJ66" s="139"/>
      <c r="AK66" s="139"/>
      <c r="AL66" s="139"/>
      <c r="AM66" s="139"/>
      <c r="AN66" s="139"/>
      <c r="AO66" s="139"/>
      <c r="AP66" s="139"/>
      <c r="AQ66" s="139"/>
      <c r="AR66" s="139"/>
      <c r="AS66" s="139"/>
      <c r="AT66" s="139"/>
      <c r="AU66" s="139"/>
      <c r="AV66" s="139"/>
      <c r="AW66" s="139"/>
      <c r="AX66" s="139"/>
      <c r="AY66" s="139"/>
      <c r="AZ66" s="139"/>
      <c r="BA66" s="139"/>
      <c r="BB66" s="139"/>
      <c r="BC66" s="139"/>
      <c r="BD66" s="139"/>
      <c r="BE66" s="139"/>
      <c r="BF66" s="139"/>
      <c r="BG66" s="139"/>
      <c r="BH66" s="139"/>
      <c r="BI66" s="139"/>
      <c r="BJ66" s="139"/>
      <c r="BK66" s="139"/>
      <c r="CJ66" s="139"/>
      <c r="CK66" s="139"/>
      <c r="CL66" s="139"/>
      <c r="CM66" s="139"/>
      <c r="CN66" s="139"/>
      <c r="CO66" s="139"/>
      <c r="CP66" s="139"/>
    </row>
    <row r="67" spans="24:94" ht="18" customHeight="1" x14ac:dyDescent="0.15">
      <c r="X67" s="140"/>
      <c r="Y67" s="140"/>
      <c r="Z67" s="141"/>
      <c r="AA67" s="139"/>
      <c r="AB67" s="139"/>
      <c r="AC67" s="139"/>
      <c r="AD67" s="139"/>
      <c r="AE67" s="139"/>
      <c r="AF67" s="139"/>
      <c r="AG67" s="139"/>
      <c r="AH67" s="139"/>
      <c r="AI67" s="139"/>
      <c r="AJ67" s="139"/>
      <c r="AK67" s="139"/>
      <c r="AL67" s="139"/>
      <c r="AM67" s="139"/>
      <c r="AN67" s="139"/>
      <c r="AO67" s="139"/>
      <c r="AP67" s="139"/>
      <c r="AQ67" s="139"/>
      <c r="AR67" s="139"/>
      <c r="AS67" s="139"/>
      <c r="AT67" s="139"/>
      <c r="AU67" s="139"/>
      <c r="AV67" s="139"/>
      <c r="AW67" s="139"/>
      <c r="AX67" s="139"/>
      <c r="AY67" s="139"/>
      <c r="AZ67" s="139"/>
      <c r="BA67" s="139"/>
      <c r="BB67" s="139"/>
      <c r="BC67" s="139"/>
      <c r="BD67" s="139"/>
      <c r="BE67" s="139"/>
      <c r="BF67" s="139"/>
      <c r="BG67" s="139"/>
      <c r="BH67" s="139"/>
      <c r="BI67" s="139"/>
      <c r="BJ67" s="139"/>
      <c r="BK67" s="139"/>
      <c r="CJ67" s="139"/>
      <c r="CK67" s="139"/>
      <c r="CL67" s="139"/>
      <c r="CM67" s="139"/>
      <c r="CN67" s="139"/>
      <c r="CO67" s="139"/>
      <c r="CP67" s="139"/>
    </row>
    <row r="68" spans="24:94" ht="18" customHeight="1" x14ac:dyDescent="0.15">
      <c r="X68" s="140"/>
      <c r="Y68" s="140"/>
      <c r="Z68" s="141"/>
      <c r="AA68" s="139"/>
      <c r="AB68" s="139"/>
      <c r="AC68" s="139"/>
      <c r="AD68" s="139"/>
      <c r="AE68" s="139"/>
      <c r="AF68" s="139"/>
      <c r="AG68" s="139"/>
      <c r="AH68" s="139"/>
      <c r="AI68" s="139"/>
      <c r="AJ68" s="139"/>
      <c r="AK68" s="139"/>
      <c r="AL68" s="139"/>
      <c r="AM68" s="139"/>
      <c r="AN68" s="139"/>
      <c r="AO68" s="139"/>
      <c r="AP68" s="139"/>
      <c r="AQ68" s="139"/>
      <c r="AR68" s="139"/>
      <c r="AS68" s="139"/>
      <c r="AT68" s="139"/>
      <c r="AU68" s="139"/>
      <c r="AV68" s="139"/>
      <c r="AW68" s="139"/>
      <c r="AX68" s="139"/>
      <c r="AY68" s="139"/>
      <c r="AZ68" s="139"/>
      <c r="BA68" s="139"/>
      <c r="BB68" s="139"/>
      <c r="BC68" s="139"/>
      <c r="BD68" s="139"/>
      <c r="BE68" s="139"/>
      <c r="BF68" s="139"/>
      <c r="BG68" s="139"/>
      <c r="BH68" s="139"/>
      <c r="BI68" s="139"/>
      <c r="BJ68" s="139"/>
      <c r="BK68" s="139"/>
      <c r="CJ68" s="139"/>
      <c r="CK68" s="139"/>
      <c r="CL68" s="139"/>
      <c r="CM68" s="139"/>
      <c r="CN68" s="139"/>
      <c r="CO68" s="139"/>
      <c r="CP68" s="139"/>
    </row>
    <row r="69" spans="24:94" ht="18" customHeight="1" x14ac:dyDescent="0.15">
      <c r="X69" s="140"/>
      <c r="Y69" s="140"/>
      <c r="Z69" s="141"/>
      <c r="AA69" s="139"/>
      <c r="AB69" s="139"/>
      <c r="AC69" s="139"/>
      <c r="AD69" s="139"/>
      <c r="AE69" s="139"/>
      <c r="AF69" s="139"/>
      <c r="AG69" s="139"/>
      <c r="AH69" s="139"/>
      <c r="AI69" s="139"/>
      <c r="AJ69" s="139"/>
      <c r="AK69" s="139"/>
      <c r="AL69" s="139"/>
      <c r="AM69" s="139"/>
      <c r="AN69" s="139"/>
      <c r="AO69" s="139"/>
      <c r="AP69" s="139"/>
      <c r="AQ69" s="139"/>
      <c r="AR69" s="139"/>
      <c r="AS69" s="139"/>
      <c r="AT69" s="139"/>
      <c r="AU69" s="139"/>
      <c r="AV69" s="139"/>
      <c r="AW69" s="139"/>
      <c r="AX69" s="139"/>
      <c r="AY69" s="139"/>
      <c r="AZ69" s="139"/>
      <c r="BA69" s="139"/>
      <c r="BB69" s="139"/>
      <c r="BC69" s="139"/>
      <c r="BD69" s="139"/>
      <c r="BE69" s="139"/>
      <c r="BF69" s="139"/>
      <c r="BG69" s="139"/>
      <c r="BH69" s="139"/>
      <c r="BI69" s="139"/>
      <c r="BJ69" s="139"/>
      <c r="BK69" s="139"/>
      <c r="CJ69" s="139"/>
      <c r="CK69" s="139"/>
      <c r="CL69" s="139"/>
      <c r="CM69" s="139"/>
      <c r="CN69" s="139"/>
      <c r="CO69" s="139"/>
      <c r="CP69" s="139"/>
    </row>
    <row r="70" spans="24:94" ht="18" customHeight="1" x14ac:dyDescent="0.15">
      <c r="X70" s="140"/>
      <c r="Y70" s="140"/>
      <c r="Z70" s="141"/>
      <c r="AA70" s="139"/>
      <c r="AB70" s="139"/>
      <c r="AC70" s="139"/>
      <c r="AD70" s="139"/>
      <c r="AE70" s="139"/>
      <c r="AF70" s="139"/>
      <c r="AG70" s="139"/>
      <c r="AH70" s="139"/>
      <c r="AI70" s="139"/>
      <c r="AJ70" s="139"/>
      <c r="AK70" s="139"/>
      <c r="AL70" s="139"/>
      <c r="AM70" s="139"/>
      <c r="AN70" s="139"/>
      <c r="AO70" s="139"/>
      <c r="AP70" s="139"/>
      <c r="AQ70" s="139"/>
      <c r="AR70" s="139"/>
      <c r="AS70" s="139"/>
      <c r="AT70" s="139"/>
      <c r="AU70" s="139"/>
      <c r="AV70" s="139"/>
      <c r="AW70" s="139"/>
      <c r="AX70" s="139"/>
      <c r="AY70" s="139"/>
      <c r="AZ70" s="139"/>
      <c r="BA70" s="139"/>
      <c r="BB70" s="139"/>
      <c r="BC70" s="139"/>
      <c r="BD70" s="139"/>
      <c r="BE70" s="139"/>
      <c r="BF70" s="139"/>
      <c r="BG70" s="139"/>
      <c r="BH70" s="139"/>
      <c r="BI70" s="139"/>
      <c r="BJ70" s="139"/>
      <c r="BK70" s="139"/>
      <c r="CJ70" s="139"/>
      <c r="CK70" s="139"/>
      <c r="CL70" s="139"/>
      <c r="CM70" s="139"/>
      <c r="CN70" s="139"/>
      <c r="CO70" s="139"/>
      <c r="CP70" s="139"/>
    </row>
    <row r="71" spans="24:94" ht="18" customHeight="1" x14ac:dyDescent="0.15">
      <c r="X71" s="140"/>
      <c r="Y71" s="140"/>
      <c r="Z71" s="141"/>
      <c r="AA71" s="139"/>
      <c r="AB71" s="139"/>
      <c r="AC71" s="139"/>
      <c r="AD71" s="139"/>
      <c r="AE71" s="139"/>
      <c r="AF71" s="139"/>
      <c r="AG71" s="139"/>
      <c r="AH71" s="139"/>
      <c r="AI71" s="139"/>
      <c r="AJ71" s="139"/>
      <c r="AK71" s="139"/>
      <c r="AL71" s="139"/>
      <c r="AM71" s="139"/>
      <c r="AN71" s="139"/>
      <c r="AO71" s="139"/>
      <c r="AP71" s="139"/>
      <c r="AQ71" s="139"/>
      <c r="AR71" s="139"/>
      <c r="AS71" s="139"/>
      <c r="AT71" s="139"/>
      <c r="AU71" s="139"/>
      <c r="AV71" s="139"/>
      <c r="AW71" s="139"/>
      <c r="AX71" s="139"/>
      <c r="AY71" s="139"/>
      <c r="AZ71" s="139"/>
      <c r="BA71" s="139"/>
      <c r="BB71" s="139"/>
      <c r="BC71" s="139"/>
      <c r="BD71" s="139"/>
      <c r="BE71" s="139"/>
      <c r="BF71" s="139"/>
      <c r="BG71" s="139"/>
      <c r="BH71" s="139"/>
      <c r="BI71" s="139"/>
      <c r="BJ71" s="139"/>
      <c r="BK71" s="139"/>
      <c r="CJ71" s="139"/>
      <c r="CK71" s="139"/>
      <c r="CL71" s="139"/>
      <c r="CM71" s="139"/>
      <c r="CN71" s="139"/>
      <c r="CO71" s="139"/>
      <c r="CP71" s="139"/>
    </row>
    <row r="72" spans="24:94" ht="18" customHeight="1" x14ac:dyDescent="0.15">
      <c r="X72" s="140"/>
      <c r="Y72" s="140"/>
      <c r="Z72" s="141"/>
      <c r="AA72" s="139"/>
      <c r="AB72" s="139"/>
      <c r="AC72" s="139"/>
      <c r="AD72" s="139"/>
      <c r="AE72" s="139"/>
      <c r="AF72" s="139"/>
      <c r="AG72" s="139"/>
      <c r="AH72" s="139"/>
      <c r="AI72" s="139"/>
      <c r="AJ72" s="139"/>
      <c r="AK72" s="139"/>
      <c r="AL72" s="139"/>
      <c r="AM72" s="139"/>
      <c r="AN72" s="139"/>
      <c r="AO72" s="139"/>
      <c r="AP72" s="139"/>
      <c r="AQ72" s="139"/>
      <c r="AR72" s="139"/>
      <c r="AS72" s="139"/>
      <c r="AT72" s="139"/>
      <c r="AU72" s="139"/>
      <c r="AV72" s="139"/>
      <c r="AW72" s="139"/>
      <c r="AX72" s="139"/>
      <c r="AY72" s="139"/>
      <c r="AZ72" s="139"/>
      <c r="BA72" s="139"/>
      <c r="BB72" s="139"/>
      <c r="BC72" s="139"/>
      <c r="BD72" s="139"/>
      <c r="BE72" s="139"/>
      <c r="BF72" s="139"/>
      <c r="BG72" s="139"/>
      <c r="BH72" s="139"/>
      <c r="BI72" s="139"/>
      <c r="BJ72" s="139"/>
      <c r="BK72" s="139"/>
      <c r="CJ72" s="139"/>
      <c r="CK72" s="139"/>
      <c r="CL72" s="139"/>
      <c r="CM72" s="139"/>
      <c r="CN72" s="139"/>
      <c r="CO72" s="139"/>
      <c r="CP72" s="139"/>
    </row>
    <row r="73" spans="24:94" ht="18" customHeight="1" x14ac:dyDescent="0.15">
      <c r="X73" s="140"/>
      <c r="Y73" s="140"/>
      <c r="Z73" s="141"/>
      <c r="AA73" s="139"/>
      <c r="AB73" s="139"/>
      <c r="AC73" s="139"/>
      <c r="AD73" s="139"/>
      <c r="AE73" s="139"/>
      <c r="AF73" s="139"/>
      <c r="AG73" s="139"/>
      <c r="AH73" s="139"/>
      <c r="AI73" s="139"/>
      <c r="AJ73" s="139"/>
      <c r="AK73" s="139"/>
      <c r="AL73" s="139"/>
      <c r="AM73" s="139"/>
      <c r="AN73" s="139"/>
      <c r="AO73" s="139"/>
      <c r="AP73" s="139"/>
      <c r="AQ73" s="139"/>
      <c r="AR73" s="139"/>
      <c r="AS73" s="139"/>
      <c r="AT73" s="139"/>
      <c r="AU73" s="139"/>
      <c r="AV73" s="139"/>
      <c r="AW73" s="139"/>
      <c r="AX73" s="139"/>
      <c r="AY73" s="139"/>
      <c r="AZ73" s="139"/>
      <c r="BA73" s="139"/>
      <c r="BB73" s="139"/>
      <c r="BC73" s="139"/>
      <c r="BD73" s="139"/>
      <c r="BE73" s="139"/>
      <c r="BF73" s="139"/>
      <c r="BG73" s="139"/>
      <c r="BH73" s="139"/>
      <c r="BI73" s="139"/>
      <c r="BJ73" s="139"/>
      <c r="BK73" s="139"/>
      <c r="CJ73" s="139"/>
      <c r="CK73" s="139"/>
      <c r="CL73" s="139"/>
      <c r="CM73" s="139"/>
      <c r="CN73" s="139"/>
      <c r="CO73" s="139"/>
      <c r="CP73" s="139"/>
    </row>
    <row r="74" spans="24:94" ht="18" customHeight="1" x14ac:dyDescent="0.15">
      <c r="X74" s="140"/>
      <c r="Y74" s="140"/>
      <c r="Z74" s="141"/>
      <c r="AA74" s="139"/>
      <c r="AB74" s="139"/>
      <c r="AC74" s="139"/>
      <c r="AD74" s="139"/>
      <c r="AE74" s="139"/>
      <c r="AF74" s="139"/>
      <c r="AG74" s="139"/>
      <c r="AH74" s="139"/>
      <c r="AI74" s="139"/>
      <c r="AJ74" s="139"/>
      <c r="AK74" s="139"/>
      <c r="AL74" s="139"/>
      <c r="AM74" s="139"/>
      <c r="AN74" s="139"/>
      <c r="AO74" s="139"/>
      <c r="AP74" s="139"/>
      <c r="AQ74" s="139"/>
      <c r="AR74" s="139"/>
      <c r="AS74" s="139"/>
      <c r="AT74" s="139"/>
      <c r="AU74" s="139"/>
      <c r="AV74" s="139"/>
      <c r="AW74" s="139"/>
      <c r="AX74" s="139"/>
      <c r="AY74" s="139"/>
      <c r="AZ74" s="139"/>
      <c r="BA74" s="139"/>
      <c r="BB74" s="139"/>
      <c r="BC74" s="139"/>
      <c r="BD74" s="139"/>
      <c r="BE74" s="139"/>
      <c r="BF74" s="139"/>
      <c r="BG74" s="139"/>
      <c r="BH74" s="139"/>
      <c r="BI74" s="139"/>
      <c r="BJ74" s="139"/>
      <c r="BK74" s="139"/>
      <c r="CJ74" s="139"/>
      <c r="CK74" s="139"/>
      <c r="CL74" s="139"/>
      <c r="CM74" s="139"/>
      <c r="CN74" s="139"/>
      <c r="CO74" s="139"/>
      <c r="CP74" s="139"/>
    </row>
    <row r="75" spans="24:94" ht="18" customHeight="1" x14ac:dyDescent="0.15">
      <c r="X75" s="140"/>
      <c r="Y75" s="140"/>
      <c r="Z75" s="141"/>
      <c r="AA75" s="139"/>
      <c r="AB75" s="139"/>
      <c r="AC75" s="139"/>
      <c r="AD75" s="139"/>
      <c r="AE75" s="139"/>
      <c r="AF75" s="139"/>
      <c r="AG75" s="139"/>
      <c r="AH75" s="139"/>
      <c r="AI75" s="139"/>
      <c r="AJ75" s="139"/>
      <c r="AK75" s="139"/>
      <c r="AL75" s="139"/>
      <c r="AM75" s="139"/>
      <c r="AN75" s="139"/>
      <c r="AO75" s="139"/>
      <c r="AP75" s="139"/>
      <c r="AQ75" s="139"/>
      <c r="AR75" s="139"/>
      <c r="AS75" s="139"/>
      <c r="AT75" s="139"/>
      <c r="AU75" s="139"/>
      <c r="AV75" s="139"/>
      <c r="AW75" s="139"/>
      <c r="AX75" s="139"/>
      <c r="AY75" s="139"/>
      <c r="AZ75" s="139"/>
      <c r="BA75" s="139"/>
      <c r="BB75" s="139"/>
      <c r="BC75" s="139"/>
      <c r="BD75" s="139"/>
      <c r="BE75" s="139"/>
      <c r="BF75" s="139"/>
      <c r="BG75" s="139"/>
      <c r="BH75" s="139"/>
      <c r="BI75" s="139"/>
      <c r="BJ75" s="139"/>
      <c r="BK75" s="139"/>
      <c r="CJ75" s="139"/>
      <c r="CK75" s="139"/>
      <c r="CL75" s="139"/>
      <c r="CM75" s="139"/>
      <c r="CN75" s="139"/>
      <c r="CO75" s="139"/>
      <c r="CP75" s="139"/>
    </row>
    <row r="76" spans="24:94" ht="18" customHeight="1" x14ac:dyDescent="0.15">
      <c r="X76" s="140"/>
      <c r="Y76" s="140"/>
      <c r="Z76" s="141"/>
      <c r="AA76" s="139"/>
      <c r="AB76" s="139"/>
      <c r="AC76" s="139"/>
      <c r="AD76" s="139"/>
      <c r="AE76" s="139"/>
      <c r="AF76" s="139"/>
      <c r="AG76" s="139"/>
      <c r="AH76" s="139"/>
      <c r="AI76" s="139"/>
      <c r="AJ76" s="139"/>
      <c r="AK76" s="139"/>
      <c r="AL76" s="139"/>
      <c r="AM76" s="139"/>
      <c r="AN76" s="139"/>
      <c r="AO76" s="139"/>
      <c r="AP76" s="139"/>
      <c r="AQ76" s="139"/>
      <c r="AR76" s="139"/>
      <c r="AS76" s="139"/>
      <c r="AT76" s="139"/>
      <c r="AU76" s="139"/>
      <c r="AV76" s="139"/>
      <c r="AW76" s="139"/>
      <c r="AX76" s="139"/>
      <c r="AY76" s="139"/>
      <c r="AZ76" s="139"/>
      <c r="BA76" s="139"/>
      <c r="BB76" s="139"/>
      <c r="BC76" s="139"/>
      <c r="BD76" s="139"/>
      <c r="BE76" s="139"/>
      <c r="BF76" s="139"/>
      <c r="BG76" s="139"/>
      <c r="BH76" s="139"/>
      <c r="BI76" s="139"/>
      <c r="BJ76" s="139"/>
      <c r="BK76" s="139"/>
      <c r="CJ76" s="139"/>
      <c r="CK76" s="139"/>
      <c r="CL76" s="139"/>
      <c r="CM76" s="139"/>
      <c r="CN76" s="139"/>
      <c r="CO76" s="139"/>
      <c r="CP76" s="139"/>
    </row>
    <row r="77" spans="24:94" ht="18" customHeight="1" x14ac:dyDescent="0.15">
      <c r="X77" s="140"/>
      <c r="Y77" s="140"/>
      <c r="Z77" s="141"/>
      <c r="AA77" s="139"/>
      <c r="AB77" s="139"/>
      <c r="AC77" s="139"/>
      <c r="AD77" s="139"/>
      <c r="AE77" s="139"/>
      <c r="AF77" s="139"/>
      <c r="AG77" s="139"/>
      <c r="AH77" s="139"/>
      <c r="AI77" s="139"/>
      <c r="AJ77" s="139"/>
      <c r="AK77" s="139"/>
      <c r="AL77" s="139"/>
      <c r="AM77" s="139"/>
      <c r="AN77" s="139"/>
      <c r="AO77" s="139"/>
      <c r="AP77" s="139"/>
      <c r="AQ77" s="139"/>
      <c r="AR77" s="139"/>
      <c r="AS77" s="139"/>
      <c r="AT77" s="139"/>
      <c r="AU77" s="139"/>
      <c r="AV77" s="139"/>
      <c r="AW77" s="139"/>
      <c r="AX77" s="139"/>
      <c r="AY77" s="139"/>
      <c r="AZ77" s="139"/>
      <c r="BA77" s="139"/>
      <c r="BB77" s="139"/>
      <c r="BC77" s="139"/>
      <c r="BD77" s="139"/>
      <c r="BE77" s="139"/>
      <c r="BF77" s="139"/>
      <c r="BG77" s="139"/>
      <c r="BH77" s="139"/>
      <c r="BI77" s="139"/>
      <c r="BJ77" s="139"/>
      <c r="BK77" s="139"/>
      <c r="CJ77" s="139"/>
      <c r="CK77" s="139"/>
      <c r="CL77" s="139"/>
      <c r="CM77" s="139"/>
      <c r="CN77" s="139"/>
      <c r="CO77" s="139"/>
      <c r="CP77" s="139"/>
    </row>
    <row r="78" spans="24:94" ht="18" customHeight="1" x14ac:dyDescent="0.15">
      <c r="X78" s="140"/>
      <c r="Y78" s="140"/>
      <c r="Z78" s="141"/>
      <c r="AA78" s="139"/>
      <c r="AB78" s="139"/>
      <c r="AC78" s="139"/>
      <c r="AD78" s="139"/>
      <c r="AE78" s="139"/>
      <c r="AF78" s="139"/>
      <c r="AG78" s="139"/>
      <c r="AH78" s="139"/>
      <c r="AI78" s="139"/>
      <c r="AJ78" s="139"/>
      <c r="AK78" s="139"/>
      <c r="AL78" s="139"/>
      <c r="AM78" s="139"/>
      <c r="AN78" s="139"/>
      <c r="AO78" s="139"/>
      <c r="AP78" s="139"/>
      <c r="AQ78" s="139"/>
      <c r="AR78" s="139"/>
      <c r="AS78" s="139"/>
      <c r="AT78" s="139"/>
      <c r="AU78" s="139"/>
      <c r="AV78" s="139"/>
      <c r="AW78" s="139"/>
      <c r="AX78" s="139"/>
      <c r="AY78" s="139"/>
      <c r="AZ78" s="139"/>
      <c r="BA78" s="139"/>
      <c r="BB78" s="139"/>
      <c r="BC78" s="139"/>
      <c r="BD78" s="139"/>
      <c r="BE78" s="139"/>
      <c r="BF78" s="139"/>
      <c r="BG78" s="139"/>
      <c r="BH78" s="139"/>
      <c r="BI78" s="139"/>
      <c r="BJ78" s="139"/>
      <c r="BK78" s="139"/>
      <c r="CJ78" s="139"/>
      <c r="CK78" s="139"/>
      <c r="CL78" s="139"/>
      <c r="CM78" s="139"/>
      <c r="CN78" s="139"/>
      <c r="CO78" s="139"/>
      <c r="CP78" s="139"/>
    </row>
    <row r="79" spans="24:94" ht="18" customHeight="1" x14ac:dyDescent="0.15">
      <c r="X79" s="140"/>
      <c r="Y79" s="140"/>
      <c r="Z79" s="141"/>
      <c r="AA79" s="139"/>
      <c r="AB79" s="139"/>
      <c r="AC79" s="139"/>
      <c r="AD79" s="139"/>
      <c r="AE79" s="139"/>
      <c r="AF79" s="139"/>
      <c r="AG79" s="139"/>
      <c r="AH79" s="139"/>
      <c r="AI79" s="139"/>
      <c r="AJ79" s="139"/>
      <c r="AK79" s="139"/>
      <c r="AL79" s="139"/>
      <c r="AM79" s="139"/>
      <c r="AN79" s="139"/>
      <c r="AO79" s="139"/>
      <c r="AP79" s="139"/>
      <c r="AQ79" s="139"/>
      <c r="AR79" s="139"/>
      <c r="AS79" s="139"/>
      <c r="AT79" s="139"/>
      <c r="AU79" s="139"/>
      <c r="AV79" s="139"/>
      <c r="AW79" s="139"/>
      <c r="AX79" s="139"/>
      <c r="AY79" s="139"/>
      <c r="AZ79" s="139"/>
      <c r="BA79" s="139"/>
      <c r="BB79" s="139"/>
      <c r="BC79" s="139"/>
      <c r="BD79" s="139"/>
      <c r="BE79" s="139"/>
      <c r="BF79" s="139"/>
      <c r="BG79" s="139"/>
      <c r="BH79" s="139"/>
      <c r="BI79" s="139"/>
      <c r="BJ79" s="139"/>
      <c r="BK79" s="139"/>
      <c r="CJ79" s="139"/>
      <c r="CK79" s="139"/>
      <c r="CL79" s="139"/>
      <c r="CM79" s="139"/>
      <c r="CN79" s="139"/>
      <c r="CO79" s="139"/>
      <c r="CP79" s="139"/>
    </row>
    <row r="80" spans="24:94" ht="18" customHeight="1" x14ac:dyDescent="0.15">
      <c r="X80" s="140"/>
      <c r="Y80" s="140"/>
      <c r="Z80" s="141"/>
      <c r="AA80" s="139"/>
      <c r="AB80" s="139"/>
      <c r="AC80" s="139"/>
      <c r="AD80" s="139"/>
      <c r="AE80" s="139"/>
      <c r="AF80" s="139"/>
      <c r="AG80" s="139"/>
      <c r="AH80" s="139"/>
      <c r="AI80" s="139"/>
      <c r="AJ80" s="139"/>
      <c r="AK80" s="139"/>
      <c r="AL80" s="139"/>
      <c r="AM80" s="139"/>
      <c r="AN80" s="139"/>
      <c r="AO80" s="139"/>
      <c r="AP80" s="139"/>
      <c r="AQ80" s="139"/>
      <c r="AR80" s="139"/>
      <c r="AS80" s="139"/>
      <c r="AT80" s="139"/>
      <c r="AU80" s="139"/>
      <c r="AV80" s="139"/>
      <c r="AW80" s="139"/>
      <c r="AX80" s="139"/>
      <c r="AY80" s="139"/>
      <c r="AZ80" s="139"/>
      <c r="BA80" s="139"/>
      <c r="BB80" s="139"/>
      <c r="BC80" s="139"/>
      <c r="BD80" s="139"/>
      <c r="BE80" s="139"/>
      <c r="BF80" s="139"/>
      <c r="BG80" s="139"/>
      <c r="BH80" s="139"/>
      <c r="BI80" s="139"/>
      <c r="BJ80" s="139"/>
      <c r="BK80" s="139"/>
      <c r="CJ80" s="139"/>
      <c r="CK80" s="139"/>
      <c r="CL80" s="139"/>
      <c r="CM80" s="139"/>
      <c r="CN80" s="139"/>
      <c r="CO80" s="139"/>
      <c r="CP80" s="139"/>
    </row>
    <row r="81" spans="24:94" ht="18" customHeight="1" x14ac:dyDescent="0.15">
      <c r="X81" s="140"/>
      <c r="Y81" s="140"/>
      <c r="Z81" s="141"/>
      <c r="AA81" s="139"/>
      <c r="AB81" s="139"/>
      <c r="AC81" s="139"/>
      <c r="AD81" s="139"/>
      <c r="AE81" s="139"/>
      <c r="AF81" s="139"/>
      <c r="AG81" s="139"/>
      <c r="AH81" s="139"/>
      <c r="AI81" s="139"/>
      <c r="AJ81" s="139"/>
      <c r="AK81" s="139"/>
      <c r="AL81" s="139"/>
      <c r="AM81" s="139"/>
      <c r="AN81" s="139"/>
      <c r="AO81" s="139"/>
      <c r="AP81" s="139"/>
      <c r="AQ81" s="139"/>
      <c r="AR81" s="139"/>
      <c r="AS81" s="139"/>
      <c r="AT81" s="139"/>
      <c r="AU81" s="139"/>
      <c r="AV81" s="139"/>
      <c r="AW81" s="139"/>
      <c r="AX81" s="139"/>
      <c r="AY81" s="139"/>
      <c r="AZ81" s="139"/>
      <c r="BA81" s="139"/>
      <c r="BB81" s="139"/>
      <c r="BC81" s="139"/>
      <c r="BD81" s="139"/>
      <c r="BE81" s="139"/>
      <c r="BF81" s="139"/>
      <c r="BG81" s="139"/>
      <c r="BH81" s="139"/>
      <c r="BI81" s="139"/>
      <c r="BJ81" s="139"/>
      <c r="BK81" s="139"/>
      <c r="CJ81" s="139"/>
      <c r="CK81" s="139"/>
      <c r="CL81" s="139"/>
      <c r="CM81" s="139"/>
      <c r="CN81" s="139"/>
      <c r="CO81" s="139"/>
      <c r="CP81" s="139"/>
    </row>
    <row r="82" spans="24:94" ht="18" customHeight="1" x14ac:dyDescent="0.15">
      <c r="X82" s="140"/>
      <c r="Y82" s="140"/>
      <c r="Z82" s="141"/>
      <c r="AA82" s="139"/>
      <c r="AB82" s="139"/>
      <c r="AC82" s="139"/>
      <c r="AD82" s="139"/>
      <c r="AE82" s="139"/>
      <c r="AF82" s="139"/>
      <c r="AG82" s="139"/>
      <c r="AH82" s="139"/>
      <c r="AI82" s="139"/>
      <c r="AJ82" s="139"/>
      <c r="AK82" s="139"/>
      <c r="AL82" s="139"/>
      <c r="AM82" s="139"/>
      <c r="AN82" s="139"/>
      <c r="AO82" s="139"/>
      <c r="AP82" s="139"/>
      <c r="AQ82" s="139"/>
      <c r="AR82" s="139"/>
      <c r="AS82" s="139"/>
      <c r="AT82" s="139"/>
      <c r="AU82" s="139"/>
      <c r="AV82" s="139"/>
      <c r="AW82" s="139"/>
      <c r="AX82" s="139"/>
      <c r="AY82" s="139"/>
      <c r="AZ82" s="139"/>
      <c r="BA82" s="139"/>
      <c r="BB82" s="139"/>
      <c r="BC82" s="139"/>
      <c r="BD82" s="139"/>
      <c r="BE82" s="139"/>
      <c r="BF82" s="139"/>
      <c r="BG82" s="139"/>
      <c r="BH82" s="139"/>
      <c r="BI82" s="139"/>
      <c r="BJ82" s="139"/>
      <c r="BK82" s="139"/>
      <c r="CJ82" s="139"/>
      <c r="CK82" s="139"/>
      <c r="CL82" s="139"/>
      <c r="CM82" s="139"/>
      <c r="CN82" s="139"/>
      <c r="CO82" s="139"/>
      <c r="CP82" s="139"/>
    </row>
    <row r="83" spans="24:94" ht="18" customHeight="1" x14ac:dyDescent="0.15">
      <c r="X83" s="140"/>
      <c r="Y83" s="140"/>
      <c r="Z83" s="141"/>
      <c r="AA83" s="139"/>
      <c r="AB83" s="139"/>
      <c r="AC83" s="139"/>
      <c r="AD83" s="139"/>
      <c r="AE83" s="139"/>
      <c r="AF83" s="139"/>
      <c r="AG83" s="139"/>
      <c r="AH83" s="139"/>
      <c r="AI83" s="139"/>
      <c r="AJ83" s="139"/>
      <c r="AK83" s="139"/>
      <c r="AL83" s="139"/>
      <c r="AM83" s="139"/>
      <c r="AN83" s="139"/>
      <c r="AO83" s="139"/>
      <c r="AP83" s="139"/>
      <c r="AQ83" s="139"/>
      <c r="AR83" s="139"/>
      <c r="AS83" s="139"/>
      <c r="AT83" s="139"/>
      <c r="AU83" s="139"/>
      <c r="AV83" s="139"/>
      <c r="AW83" s="139"/>
      <c r="AX83" s="139"/>
      <c r="AY83" s="139"/>
      <c r="AZ83" s="139"/>
      <c r="BA83" s="139"/>
      <c r="BB83" s="139"/>
      <c r="BC83" s="139"/>
      <c r="BD83" s="139"/>
      <c r="BE83" s="139"/>
      <c r="BF83" s="139"/>
      <c r="BG83" s="139"/>
      <c r="BH83" s="139"/>
      <c r="BI83" s="139"/>
      <c r="BJ83" s="139"/>
      <c r="BK83" s="139"/>
      <c r="CJ83" s="139"/>
      <c r="CK83" s="139"/>
      <c r="CL83" s="139"/>
      <c r="CM83" s="139"/>
      <c r="CN83" s="139"/>
      <c r="CO83" s="139"/>
      <c r="CP83" s="139"/>
    </row>
    <row r="84" spans="24:94" ht="18" customHeight="1" x14ac:dyDescent="0.15">
      <c r="X84" s="140"/>
      <c r="Y84" s="140"/>
      <c r="Z84" s="141"/>
      <c r="AA84" s="139"/>
      <c r="AB84" s="139"/>
      <c r="AC84" s="139"/>
      <c r="AD84" s="139"/>
      <c r="AE84" s="139"/>
      <c r="AF84" s="139"/>
      <c r="AG84" s="139"/>
      <c r="AH84" s="139"/>
      <c r="AI84" s="139"/>
      <c r="AJ84" s="139"/>
      <c r="AK84" s="139"/>
      <c r="AL84" s="139"/>
      <c r="AM84" s="139"/>
      <c r="AN84" s="139"/>
      <c r="AO84" s="139"/>
      <c r="AP84" s="139"/>
      <c r="AQ84" s="139"/>
      <c r="AR84" s="139"/>
      <c r="AS84" s="139"/>
      <c r="AT84" s="139"/>
      <c r="AU84" s="139"/>
      <c r="AV84" s="139"/>
      <c r="AW84" s="139"/>
      <c r="AX84" s="139"/>
      <c r="AY84" s="139"/>
      <c r="AZ84" s="139"/>
      <c r="BA84" s="139"/>
      <c r="BB84" s="139"/>
      <c r="BC84" s="139"/>
      <c r="BD84" s="139"/>
      <c r="BE84" s="139"/>
      <c r="BF84" s="139"/>
      <c r="BG84" s="139"/>
      <c r="BH84" s="139"/>
      <c r="BI84" s="139"/>
      <c r="BJ84" s="139"/>
      <c r="BK84" s="139"/>
      <c r="CJ84" s="139"/>
      <c r="CK84" s="139"/>
      <c r="CL84" s="139"/>
      <c r="CM84" s="139"/>
      <c r="CN84" s="139"/>
      <c r="CO84" s="139"/>
      <c r="CP84" s="139"/>
    </row>
    <row r="85" spans="24:94" ht="18" customHeight="1" x14ac:dyDescent="0.15">
      <c r="X85" s="140"/>
      <c r="Y85" s="140"/>
      <c r="Z85" s="141"/>
      <c r="AA85" s="139"/>
      <c r="AB85" s="139"/>
      <c r="AC85" s="139"/>
      <c r="AD85" s="139"/>
      <c r="AE85" s="139"/>
      <c r="AF85" s="139"/>
      <c r="AG85" s="139"/>
      <c r="AH85" s="139"/>
      <c r="AI85" s="139"/>
      <c r="AJ85" s="139"/>
      <c r="AK85" s="139"/>
      <c r="AL85" s="139"/>
      <c r="AM85" s="139"/>
      <c r="AN85" s="139"/>
      <c r="AO85" s="139"/>
      <c r="AP85" s="139"/>
      <c r="AQ85" s="139"/>
      <c r="AR85" s="139"/>
      <c r="AS85" s="139"/>
      <c r="AT85" s="139"/>
      <c r="AU85" s="139"/>
      <c r="AV85" s="139"/>
      <c r="AW85" s="139"/>
      <c r="AX85" s="139"/>
      <c r="AY85" s="139"/>
      <c r="AZ85" s="139"/>
      <c r="BA85" s="139"/>
      <c r="BB85" s="139"/>
      <c r="BC85" s="139"/>
      <c r="BD85" s="139"/>
      <c r="BE85" s="139"/>
      <c r="BF85" s="139"/>
      <c r="BG85" s="139"/>
      <c r="BH85" s="139"/>
      <c r="BI85" s="139"/>
      <c r="BJ85" s="139"/>
      <c r="BK85" s="139"/>
      <c r="CJ85" s="139"/>
      <c r="CK85" s="139"/>
      <c r="CL85" s="139"/>
      <c r="CM85" s="139"/>
      <c r="CN85" s="139"/>
      <c r="CO85" s="139"/>
      <c r="CP85" s="139"/>
    </row>
    <row r="86" spans="24:94" ht="18" customHeight="1" x14ac:dyDescent="0.15">
      <c r="X86" s="140"/>
      <c r="Y86" s="140"/>
      <c r="Z86" s="141"/>
      <c r="AA86" s="139"/>
      <c r="AB86" s="139"/>
      <c r="AC86" s="139"/>
      <c r="AD86" s="139"/>
      <c r="AE86" s="139"/>
      <c r="AF86" s="139"/>
      <c r="AG86" s="139"/>
      <c r="AH86" s="139"/>
      <c r="AI86" s="139"/>
      <c r="AJ86" s="139"/>
      <c r="AK86" s="139"/>
      <c r="AL86" s="139"/>
      <c r="AM86" s="139"/>
      <c r="AN86" s="139"/>
      <c r="AO86" s="139"/>
      <c r="AP86" s="139"/>
      <c r="AQ86" s="139"/>
      <c r="AR86" s="139"/>
      <c r="AS86" s="139"/>
      <c r="AT86" s="139"/>
      <c r="AU86" s="139"/>
      <c r="AV86" s="139"/>
      <c r="AW86" s="139"/>
      <c r="AX86" s="139"/>
      <c r="AY86" s="139"/>
      <c r="AZ86" s="139"/>
      <c r="BA86" s="139"/>
      <c r="BB86" s="139"/>
      <c r="BC86" s="139"/>
      <c r="BD86" s="139"/>
      <c r="BE86" s="139"/>
      <c r="BF86" s="139"/>
      <c r="BG86" s="139"/>
      <c r="BH86" s="139"/>
      <c r="BI86" s="139"/>
      <c r="BJ86" s="139"/>
      <c r="BK86" s="139"/>
      <c r="CJ86" s="139"/>
      <c r="CK86" s="139"/>
      <c r="CL86" s="139"/>
      <c r="CM86" s="139"/>
      <c r="CN86" s="139"/>
      <c r="CO86" s="139"/>
      <c r="CP86" s="139"/>
    </row>
    <row r="87" spans="24:94" ht="18" customHeight="1" x14ac:dyDescent="0.15">
      <c r="X87" s="140"/>
      <c r="Y87" s="140"/>
      <c r="Z87" s="141"/>
      <c r="AA87" s="139"/>
      <c r="AB87" s="139"/>
      <c r="AC87" s="139"/>
      <c r="AD87" s="139"/>
      <c r="AE87" s="139"/>
      <c r="AF87" s="139"/>
      <c r="AG87" s="139"/>
      <c r="AH87" s="139"/>
      <c r="AI87" s="139"/>
      <c r="AJ87" s="139"/>
      <c r="AK87" s="139"/>
      <c r="AL87" s="139"/>
      <c r="AM87" s="139"/>
      <c r="AN87" s="139"/>
      <c r="AO87" s="139"/>
      <c r="AP87" s="139"/>
      <c r="AQ87" s="139"/>
      <c r="AR87" s="139"/>
      <c r="AS87" s="139"/>
      <c r="AT87" s="139"/>
      <c r="AU87" s="139"/>
      <c r="AV87" s="139"/>
      <c r="AW87" s="139"/>
      <c r="AX87" s="139"/>
      <c r="AY87" s="139"/>
      <c r="AZ87" s="139"/>
      <c r="BA87" s="139"/>
      <c r="BB87" s="139"/>
      <c r="BC87" s="139"/>
      <c r="BD87" s="139"/>
      <c r="BE87" s="139"/>
      <c r="BF87" s="139"/>
      <c r="BG87" s="139"/>
      <c r="BH87" s="139"/>
      <c r="BI87" s="139"/>
      <c r="BJ87" s="139"/>
      <c r="BK87" s="139"/>
      <c r="CJ87" s="139"/>
      <c r="CK87" s="139"/>
      <c r="CL87" s="139"/>
      <c r="CM87" s="139"/>
      <c r="CN87" s="139"/>
      <c r="CO87" s="139"/>
      <c r="CP87" s="139"/>
    </row>
    <row r="88" spans="24:94" ht="18" customHeight="1" x14ac:dyDescent="0.15">
      <c r="X88" s="140"/>
      <c r="Y88" s="140"/>
      <c r="Z88" s="141"/>
      <c r="AA88" s="139"/>
      <c r="AB88" s="139"/>
      <c r="AC88" s="139"/>
      <c r="AD88" s="139"/>
      <c r="AE88" s="139"/>
      <c r="AF88" s="139"/>
      <c r="AG88" s="139"/>
      <c r="AH88" s="139"/>
      <c r="AI88" s="139"/>
      <c r="AJ88" s="139"/>
      <c r="AK88" s="139"/>
      <c r="AL88" s="139"/>
      <c r="AM88" s="139"/>
      <c r="AN88" s="139"/>
      <c r="AO88" s="139"/>
      <c r="AP88" s="139"/>
      <c r="AQ88" s="139"/>
      <c r="AR88" s="139"/>
      <c r="AS88" s="139"/>
      <c r="AT88" s="139"/>
      <c r="AU88" s="139"/>
      <c r="AV88" s="139"/>
      <c r="AW88" s="139"/>
      <c r="AX88" s="139"/>
      <c r="AY88" s="139"/>
      <c r="AZ88" s="139"/>
      <c r="BA88" s="139"/>
      <c r="BB88" s="139"/>
      <c r="BC88" s="139"/>
      <c r="BD88" s="139"/>
      <c r="BE88" s="139"/>
      <c r="BF88" s="139"/>
      <c r="BG88" s="139"/>
      <c r="BH88" s="139"/>
      <c r="BI88" s="139"/>
      <c r="BJ88" s="139"/>
      <c r="BK88" s="139"/>
      <c r="CJ88" s="139"/>
      <c r="CK88" s="139"/>
      <c r="CL88" s="139"/>
      <c r="CM88" s="139"/>
      <c r="CN88" s="139"/>
      <c r="CO88" s="139"/>
      <c r="CP88" s="139"/>
    </row>
    <row r="89" spans="24:94" ht="18" customHeight="1" x14ac:dyDescent="0.15">
      <c r="X89" s="140"/>
      <c r="Y89" s="140"/>
      <c r="Z89" s="141"/>
      <c r="AA89" s="139"/>
      <c r="AB89" s="139"/>
      <c r="AC89" s="139"/>
      <c r="AD89" s="139"/>
      <c r="AE89" s="139"/>
      <c r="AF89" s="139"/>
      <c r="AG89" s="139"/>
      <c r="AH89" s="139"/>
      <c r="AI89" s="139"/>
      <c r="AJ89" s="139"/>
      <c r="AK89" s="139"/>
      <c r="AL89" s="139"/>
      <c r="AM89" s="139"/>
      <c r="AN89" s="139"/>
      <c r="AO89" s="139"/>
      <c r="AP89" s="139"/>
      <c r="AQ89" s="139"/>
      <c r="AR89" s="139"/>
      <c r="AS89" s="139"/>
      <c r="AT89" s="139"/>
      <c r="AU89" s="139"/>
      <c r="AV89" s="139"/>
      <c r="AW89" s="139"/>
      <c r="AX89" s="139"/>
      <c r="AY89" s="139"/>
      <c r="AZ89" s="139"/>
      <c r="BA89" s="139"/>
      <c r="BB89" s="139"/>
      <c r="BC89" s="139"/>
      <c r="BD89" s="139"/>
      <c r="BE89" s="139"/>
      <c r="BF89" s="139"/>
      <c r="BG89" s="139"/>
      <c r="BH89" s="139"/>
      <c r="BI89" s="139"/>
      <c r="BJ89" s="139"/>
      <c r="BK89" s="139"/>
      <c r="CJ89" s="139"/>
      <c r="CK89" s="139"/>
      <c r="CL89" s="139"/>
      <c r="CM89" s="139"/>
      <c r="CN89" s="139"/>
      <c r="CO89" s="139"/>
      <c r="CP89" s="139"/>
    </row>
    <row r="90" spans="24:94" ht="18" customHeight="1" x14ac:dyDescent="0.15">
      <c r="X90" s="140"/>
      <c r="Y90" s="140"/>
      <c r="Z90" s="140"/>
    </row>
    <row r="91" spans="24:94" ht="18" customHeight="1" x14ac:dyDescent="0.15">
      <c r="X91" s="140"/>
      <c r="Y91" s="140"/>
      <c r="Z91" s="140"/>
    </row>
    <row r="92" spans="24:94" ht="18" customHeight="1" x14ac:dyDescent="0.15"/>
    <row r="93" spans="24:94" ht="18" customHeight="1" x14ac:dyDescent="0.15"/>
    <row r="94" spans="24:94" ht="18" customHeight="1" x14ac:dyDescent="0.15"/>
    <row r="95" spans="24:94" ht="18" customHeight="1" x14ac:dyDescent="0.15"/>
    <row r="96" spans="24:94" ht="18" customHeight="1" x14ac:dyDescent="0.15"/>
    <row r="97" ht="18" customHeight="1" x14ac:dyDescent="0.15"/>
    <row r="98" ht="18" customHeight="1" x14ac:dyDescent="0.15"/>
    <row r="99" ht="18" customHeight="1" x14ac:dyDescent="0.15"/>
    <row r="100" ht="18" customHeight="1" x14ac:dyDescent="0.15"/>
    <row r="101" ht="18" customHeight="1" x14ac:dyDescent="0.15"/>
    <row r="102" ht="18" customHeight="1" x14ac:dyDescent="0.15"/>
    <row r="103" ht="18" customHeight="1" x14ac:dyDescent="0.15"/>
    <row r="104" ht="18" customHeight="1" x14ac:dyDescent="0.15"/>
    <row r="105" ht="18" customHeight="1" x14ac:dyDescent="0.15"/>
    <row r="106" ht="18" customHeight="1" x14ac:dyDescent="0.15"/>
    <row r="107" ht="18" customHeight="1" x14ac:dyDescent="0.15"/>
    <row r="108" ht="18" customHeight="1" x14ac:dyDescent="0.15"/>
    <row r="109" ht="18" customHeight="1" x14ac:dyDescent="0.15"/>
    <row r="110" ht="18" customHeight="1" x14ac:dyDescent="0.15"/>
    <row r="111" ht="18" customHeight="1" x14ac:dyDescent="0.15"/>
    <row r="112" ht="18" customHeight="1" x14ac:dyDescent="0.15"/>
    <row r="113" ht="18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  <row r="118" ht="18" customHeight="1" x14ac:dyDescent="0.15"/>
    <row r="119" ht="18" customHeight="1" x14ac:dyDescent="0.15"/>
    <row r="120" ht="18" customHeight="1" x14ac:dyDescent="0.15"/>
    <row r="121" ht="18" customHeight="1" x14ac:dyDescent="0.15"/>
    <row r="122" ht="18" customHeight="1" x14ac:dyDescent="0.15"/>
    <row r="123" ht="18" customHeight="1" x14ac:dyDescent="0.15"/>
    <row r="124" ht="18" customHeight="1" x14ac:dyDescent="0.15"/>
    <row r="125" ht="18" customHeight="1" x14ac:dyDescent="0.15"/>
    <row r="126" ht="18" customHeight="1" x14ac:dyDescent="0.15"/>
    <row r="127" ht="18" customHeight="1" x14ac:dyDescent="0.15"/>
    <row r="128" ht="18" customHeight="1" x14ac:dyDescent="0.15"/>
    <row r="129" ht="18" customHeight="1" x14ac:dyDescent="0.15"/>
    <row r="130" ht="18" customHeight="1" x14ac:dyDescent="0.15"/>
    <row r="131" ht="18" customHeight="1" x14ac:dyDescent="0.15"/>
    <row r="132" ht="18" customHeight="1" x14ac:dyDescent="0.15"/>
    <row r="133" ht="18" customHeight="1" x14ac:dyDescent="0.15"/>
    <row r="134" ht="18" customHeight="1" x14ac:dyDescent="0.15"/>
    <row r="135" ht="18" customHeight="1" x14ac:dyDescent="0.15"/>
    <row r="136" ht="18" customHeight="1" x14ac:dyDescent="0.15"/>
    <row r="137" ht="18" customHeight="1" x14ac:dyDescent="0.15"/>
    <row r="138" ht="18" customHeight="1" x14ac:dyDescent="0.15"/>
    <row r="139" ht="18" customHeight="1" x14ac:dyDescent="0.15"/>
    <row r="140" ht="18" customHeight="1" x14ac:dyDescent="0.15"/>
    <row r="141" ht="18" customHeight="1" x14ac:dyDescent="0.15"/>
    <row r="142" ht="18" customHeight="1" x14ac:dyDescent="0.15"/>
    <row r="143" ht="18" customHeight="1" x14ac:dyDescent="0.15"/>
    <row r="144" ht="18" customHeight="1" x14ac:dyDescent="0.15"/>
    <row r="145" ht="18" customHeight="1" x14ac:dyDescent="0.15"/>
    <row r="146" ht="18" customHeight="1" x14ac:dyDescent="0.15"/>
    <row r="147" ht="18" customHeight="1" x14ac:dyDescent="0.15"/>
    <row r="148" ht="18" customHeight="1" x14ac:dyDescent="0.15"/>
    <row r="149" ht="18" customHeight="1" x14ac:dyDescent="0.15"/>
    <row r="150" ht="18" customHeight="1" x14ac:dyDescent="0.15"/>
    <row r="151" ht="18" customHeight="1" x14ac:dyDescent="0.15"/>
    <row r="152" ht="18" customHeight="1" x14ac:dyDescent="0.15"/>
    <row r="153" ht="18" customHeight="1" x14ac:dyDescent="0.15"/>
    <row r="154" ht="18" customHeight="1" x14ac:dyDescent="0.15"/>
    <row r="155" ht="18" customHeight="1" x14ac:dyDescent="0.15"/>
    <row r="156" ht="18" customHeight="1" x14ac:dyDescent="0.15"/>
    <row r="157" ht="18" customHeight="1" x14ac:dyDescent="0.15"/>
    <row r="158" ht="18" customHeight="1" x14ac:dyDescent="0.15"/>
    <row r="159" ht="18" customHeight="1" x14ac:dyDescent="0.15"/>
    <row r="160" ht="18" customHeight="1" x14ac:dyDescent="0.15"/>
    <row r="161" ht="18" customHeight="1" x14ac:dyDescent="0.15"/>
    <row r="162" ht="18" customHeight="1" x14ac:dyDescent="0.15"/>
    <row r="163" ht="18" customHeight="1" x14ac:dyDescent="0.15"/>
    <row r="164" ht="18" customHeight="1" x14ac:dyDescent="0.15"/>
    <row r="165" ht="18" customHeight="1" x14ac:dyDescent="0.15"/>
    <row r="166" ht="18" customHeight="1" x14ac:dyDescent="0.15"/>
    <row r="167" ht="18" customHeight="1" x14ac:dyDescent="0.15"/>
    <row r="168" ht="18" customHeight="1" x14ac:dyDescent="0.15"/>
    <row r="169" ht="18" customHeight="1" x14ac:dyDescent="0.15"/>
    <row r="170" ht="18" customHeight="1" x14ac:dyDescent="0.15"/>
    <row r="171" ht="18" customHeight="1" x14ac:dyDescent="0.15"/>
    <row r="172" ht="18" customHeight="1" x14ac:dyDescent="0.15"/>
    <row r="173" ht="18" customHeight="1" x14ac:dyDescent="0.15"/>
    <row r="174" ht="18" customHeight="1" x14ac:dyDescent="0.15"/>
    <row r="175" ht="18" customHeight="1" x14ac:dyDescent="0.15"/>
    <row r="176" ht="18" customHeight="1" x14ac:dyDescent="0.15"/>
    <row r="177" ht="18" customHeight="1" x14ac:dyDescent="0.15"/>
    <row r="178" ht="18" customHeight="1" x14ac:dyDescent="0.15"/>
    <row r="179" ht="18" customHeight="1" x14ac:dyDescent="0.15"/>
    <row r="180" ht="18" customHeight="1" x14ac:dyDescent="0.15"/>
    <row r="181" ht="18" customHeight="1" x14ac:dyDescent="0.15"/>
    <row r="182" ht="18" customHeight="1" x14ac:dyDescent="0.15"/>
    <row r="183" ht="18" customHeight="1" x14ac:dyDescent="0.15"/>
    <row r="184" ht="18" customHeight="1" x14ac:dyDescent="0.15"/>
    <row r="185" ht="18" customHeight="1" x14ac:dyDescent="0.15"/>
    <row r="186" ht="18" customHeight="1" x14ac:dyDescent="0.15"/>
    <row r="187" ht="18" customHeight="1" x14ac:dyDescent="0.15"/>
    <row r="188" ht="18" customHeight="1" x14ac:dyDescent="0.15"/>
    <row r="189" ht="18" customHeight="1" x14ac:dyDescent="0.15"/>
    <row r="190" ht="18" customHeight="1" x14ac:dyDescent="0.15"/>
    <row r="191" ht="18" customHeight="1" x14ac:dyDescent="0.15"/>
    <row r="192" ht="18" customHeight="1" x14ac:dyDescent="0.15"/>
    <row r="193" ht="18" customHeight="1" x14ac:dyDescent="0.15"/>
    <row r="194" ht="18" customHeight="1" x14ac:dyDescent="0.15"/>
    <row r="195" ht="18" customHeight="1" x14ac:dyDescent="0.15"/>
    <row r="196" ht="18" customHeight="1" x14ac:dyDescent="0.15"/>
    <row r="197" ht="18" customHeight="1" x14ac:dyDescent="0.15"/>
    <row r="198" ht="18" customHeight="1" x14ac:dyDescent="0.15"/>
    <row r="199" ht="18" customHeight="1" x14ac:dyDescent="0.15"/>
    <row r="200" ht="18" customHeight="1" x14ac:dyDescent="0.15"/>
    <row r="201" ht="18" customHeight="1" x14ac:dyDescent="0.15"/>
    <row r="202" ht="18" customHeight="1" x14ac:dyDescent="0.15"/>
    <row r="203" ht="18" customHeight="1" x14ac:dyDescent="0.15"/>
    <row r="204" ht="18" customHeight="1" x14ac:dyDescent="0.15"/>
    <row r="205" ht="18" customHeight="1" x14ac:dyDescent="0.15"/>
    <row r="206" ht="18" customHeight="1" x14ac:dyDescent="0.15"/>
    <row r="207" ht="18" customHeight="1" x14ac:dyDescent="0.15"/>
    <row r="208" ht="18" customHeight="1" x14ac:dyDescent="0.15"/>
    <row r="209" ht="18" customHeight="1" x14ac:dyDescent="0.15"/>
    <row r="210" ht="18" customHeight="1" x14ac:dyDescent="0.15"/>
    <row r="211" ht="18" customHeight="1" x14ac:dyDescent="0.15"/>
    <row r="212" ht="18" customHeight="1" x14ac:dyDescent="0.15"/>
    <row r="213" ht="18" customHeight="1" x14ac:dyDescent="0.15"/>
    <row r="214" ht="18" customHeight="1" x14ac:dyDescent="0.15"/>
    <row r="215" ht="18" customHeight="1" x14ac:dyDescent="0.15"/>
    <row r="216" ht="18" customHeight="1" x14ac:dyDescent="0.15"/>
    <row r="217" ht="18" customHeight="1" x14ac:dyDescent="0.15"/>
    <row r="218" ht="18" customHeight="1" x14ac:dyDescent="0.15"/>
    <row r="219" ht="18" customHeight="1" x14ac:dyDescent="0.15"/>
    <row r="220" ht="18" customHeight="1" x14ac:dyDescent="0.15"/>
    <row r="221" ht="18" customHeight="1" x14ac:dyDescent="0.15"/>
    <row r="222" ht="18" customHeight="1" x14ac:dyDescent="0.15"/>
    <row r="223" ht="18" customHeight="1" x14ac:dyDescent="0.15"/>
    <row r="224" ht="18" customHeight="1" x14ac:dyDescent="0.15"/>
    <row r="225" ht="18" customHeight="1" x14ac:dyDescent="0.15"/>
    <row r="226" ht="18" customHeight="1" x14ac:dyDescent="0.15"/>
    <row r="227" ht="18" customHeight="1" x14ac:dyDescent="0.15"/>
    <row r="228" ht="18" customHeight="1" x14ac:dyDescent="0.15"/>
    <row r="229" ht="18" customHeight="1" x14ac:dyDescent="0.15"/>
    <row r="230" ht="18" customHeight="1" x14ac:dyDescent="0.15"/>
    <row r="231" ht="18" customHeight="1" x14ac:dyDescent="0.15"/>
    <row r="232" ht="18" customHeight="1" x14ac:dyDescent="0.15"/>
    <row r="233" ht="18" customHeight="1" x14ac:dyDescent="0.15"/>
    <row r="234" ht="18" customHeight="1" x14ac:dyDescent="0.15"/>
    <row r="235" ht="18" customHeight="1" x14ac:dyDescent="0.15"/>
    <row r="236" ht="18" customHeight="1" x14ac:dyDescent="0.15"/>
    <row r="237" ht="18" customHeight="1" x14ac:dyDescent="0.15"/>
    <row r="238" ht="18" customHeight="1" x14ac:dyDescent="0.15"/>
    <row r="239" ht="18" customHeight="1" x14ac:dyDescent="0.15"/>
    <row r="240" ht="18" customHeight="1" x14ac:dyDescent="0.15"/>
    <row r="241" ht="18" customHeight="1" x14ac:dyDescent="0.15"/>
    <row r="242" ht="18" customHeight="1" x14ac:dyDescent="0.15"/>
    <row r="243" ht="18" customHeight="1" x14ac:dyDescent="0.15"/>
    <row r="244" ht="18" customHeight="1" x14ac:dyDescent="0.15"/>
    <row r="245" ht="18" customHeight="1" x14ac:dyDescent="0.15"/>
    <row r="246" ht="18" customHeight="1" x14ac:dyDescent="0.15"/>
    <row r="247" ht="18" customHeight="1" x14ac:dyDescent="0.15"/>
    <row r="248" ht="18" customHeight="1" x14ac:dyDescent="0.15"/>
    <row r="249" ht="18" customHeight="1" x14ac:dyDescent="0.15"/>
    <row r="250" ht="18" customHeight="1" x14ac:dyDescent="0.15"/>
    <row r="251" ht="18" customHeight="1" x14ac:dyDescent="0.15"/>
    <row r="252" ht="18" customHeight="1" x14ac:dyDescent="0.15"/>
    <row r="253" ht="18" customHeight="1" x14ac:dyDescent="0.15"/>
    <row r="254" ht="18" customHeight="1" x14ac:dyDescent="0.15"/>
    <row r="255" ht="18" customHeight="1" x14ac:dyDescent="0.15"/>
    <row r="256" ht="18" customHeight="1" x14ac:dyDescent="0.15"/>
    <row r="257" ht="18" customHeight="1" x14ac:dyDescent="0.15"/>
    <row r="258" ht="18" customHeight="1" x14ac:dyDescent="0.15"/>
    <row r="259" ht="18" customHeight="1" x14ac:dyDescent="0.15"/>
    <row r="260" ht="18" customHeight="1" x14ac:dyDescent="0.15"/>
    <row r="261" ht="18" customHeight="1" x14ac:dyDescent="0.15"/>
    <row r="262" ht="18" customHeight="1" x14ac:dyDescent="0.15"/>
    <row r="263" ht="18" customHeight="1" x14ac:dyDescent="0.15"/>
    <row r="264" ht="18" customHeight="1" x14ac:dyDescent="0.15"/>
    <row r="265" ht="18" customHeight="1" x14ac:dyDescent="0.15"/>
    <row r="266" ht="18" customHeight="1" x14ac:dyDescent="0.15"/>
    <row r="267" ht="18" customHeight="1" x14ac:dyDescent="0.15"/>
    <row r="268" ht="18" customHeight="1" x14ac:dyDescent="0.15"/>
    <row r="269" ht="18" customHeight="1" x14ac:dyDescent="0.15"/>
    <row r="270" ht="18" customHeight="1" x14ac:dyDescent="0.15"/>
    <row r="271" ht="18" customHeight="1" x14ac:dyDescent="0.15"/>
    <row r="272" ht="18" customHeight="1" x14ac:dyDescent="0.15"/>
    <row r="273" ht="18" customHeight="1" x14ac:dyDescent="0.15"/>
    <row r="274" ht="18" customHeight="1" x14ac:dyDescent="0.15"/>
    <row r="275" ht="18" customHeight="1" x14ac:dyDescent="0.15"/>
    <row r="276" ht="18" customHeight="1" x14ac:dyDescent="0.15"/>
    <row r="277" ht="18" customHeight="1" x14ac:dyDescent="0.15"/>
    <row r="278" ht="18" customHeight="1" x14ac:dyDescent="0.15"/>
    <row r="279" ht="18" customHeight="1" x14ac:dyDescent="0.15"/>
    <row r="280" ht="18" customHeight="1" x14ac:dyDescent="0.15"/>
    <row r="281" ht="18" customHeight="1" x14ac:dyDescent="0.15"/>
    <row r="282" ht="18" customHeight="1" x14ac:dyDescent="0.15"/>
    <row r="283" ht="18" customHeight="1" x14ac:dyDescent="0.15"/>
    <row r="284" ht="18" customHeight="1" x14ac:dyDescent="0.15"/>
    <row r="285" ht="18" customHeight="1" x14ac:dyDescent="0.15"/>
    <row r="286" ht="18" customHeight="1" x14ac:dyDescent="0.15"/>
    <row r="287" ht="18" customHeight="1" x14ac:dyDescent="0.15"/>
    <row r="288" ht="18" customHeight="1" x14ac:dyDescent="0.15"/>
    <row r="289" ht="18" customHeight="1" x14ac:dyDescent="0.15"/>
    <row r="290" ht="18" customHeight="1" x14ac:dyDescent="0.15"/>
    <row r="291" ht="18" customHeight="1" x14ac:dyDescent="0.15"/>
    <row r="292" ht="18" customHeight="1" x14ac:dyDescent="0.15"/>
    <row r="293" ht="18" customHeight="1" x14ac:dyDescent="0.15"/>
    <row r="294" ht="18" customHeight="1" x14ac:dyDescent="0.15"/>
    <row r="295" ht="18" customHeight="1" x14ac:dyDescent="0.15"/>
    <row r="296" ht="18" customHeight="1" x14ac:dyDescent="0.15"/>
    <row r="297" ht="18" customHeight="1" x14ac:dyDescent="0.15"/>
    <row r="298" ht="18" customHeight="1" x14ac:dyDescent="0.15"/>
    <row r="299" ht="18" customHeight="1" x14ac:dyDescent="0.15"/>
    <row r="300" ht="18" customHeight="1" x14ac:dyDescent="0.15"/>
    <row r="301" ht="18" customHeight="1" x14ac:dyDescent="0.15"/>
    <row r="302" ht="18" customHeight="1" x14ac:dyDescent="0.15"/>
    <row r="303" ht="18" customHeight="1" x14ac:dyDescent="0.15"/>
    <row r="304" ht="18" customHeight="1" x14ac:dyDescent="0.15"/>
    <row r="305" ht="18" customHeight="1" x14ac:dyDescent="0.15"/>
    <row r="306" ht="18" customHeight="1" x14ac:dyDescent="0.15"/>
    <row r="307" ht="18" customHeight="1" x14ac:dyDescent="0.15"/>
    <row r="308" ht="18" customHeight="1" x14ac:dyDescent="0.15"/>
    <row r="309" ht="18" customHeight="1" x14ac:dyDescent="0.15"/>
    <row r="310" ht="18" customHeight="1" x14ac:dyDescent="0.15"/>
    <row r="311" ht="18" customHeight="1" x14ac:dyDescent="0.15"/>
    <row r="312" ht="18" customHeight="1" x14ac:dyDescent="0.15"/>
    <row r="313" ht="18" customHeight="1" x14ac:dyDescent="0.15"/>
    <row r="314" ht="18" customHeight="1" x14ac:dyDescent="0.15"/>
    <row r="315" ht="18" customHeight="1" x14ac:dyDescent="0.15"/>
    <row r="316" ht="18" customHeight="1" x14ac:dyDescent="0.15"/>
    <row r="317" ht="18" customHeight="1" x14ac:dyDescent="0.15"/>
    <row r="318" ht="18" customHeight="1" x14ac:dyDescent="0.15"/>
    <row r="319" ht="18" customHeight="1" x14ac:dyDescent="0.15"/>
    <row r="320" ht="18" customHeight="1" x14ac:dyDescent="0.15"/>
    <row r="321" ht="18" customHeight="1" x14ac:dyDescent="0.15"/>
    <row r="322" ht="18" customHeight="1" x14ac:dyDescent="0.15"/>
    <row r="323" ht="18" customHeight="1" x14ac:dyDescent="0.15"/>
    <row r="324" ht="18" customHeight="1" x14ac:dyDescent="0.15"/>
    <row r="325" ht="18" customHeight="1" x14ac:dyDescent="0.15"/>
    <row r="326" ht="18" customHeight="1" x14ac:dyDescent="0.15"/>
    <row r="327" ht="18" customHeight="1" x14ac:dyDescent="0.15"/>
    <row r="328" ht="18" customHeight="1" x14ac:dyDescent="0.15"/>
    <row r="329" ht="18" customHeight="1" x14ac:dyDescent="0.15"/>
    <row r="330" ht="18" customHeight="1" x14ac:dyDescent="0.15"/>
    <row r="331" ht="18" customHeight="1" x14ac:dyDescent="0.15"/>
    <row r="332" ht="18" customHeight="1" x14ac:dyDescent="0.15"/>
    <row r="333" ht="18" customHeight="1" x14ac:dyDescent="0.15"/>
    <row r="334" ht="18" customHeight="1" x14ac:dyDescent="0.15"/>
    <row r="335" ht="18" customHeight="1" x14ac:dyDescent="0.15"/>
    <row r="336" ht="18" customHeight="1" x14ac:dyDescent="0.15"/>
    <row r="337" ht="18" customHeight="1" x14ac:dyDescent="0.15"/>
    <row r="338" ht="18" customHeight="1" x14ac:dyDescent="0.15"/>
    <row r="339" ht="18" customHeight="1" x14ac:dyDescent="0.15"/>
    <row r="340" ht="18" customHeight="1" x14ac:dyDescent="0.15"/>
    <row r="341" ht="18" customHeight="1" x14ac:dyDescent="0.15"/>
    <row r="342" ht="18" customHeight="1" x14ac:dyDescent="0.15"/>
    <row r="343" ht="18" customHeight="1" x14ac:dyDescent="0.15"/>
    <row r="344" ht="18" customHeight="1" x14ac:dyDescent="0.15"/>
    <row r="345" ht="18" customHeight="1" x14ac:dyDescent="0.15"/>
    <row r="346" ht="18" customHeight="1" x14ac:dyDescent="0.15"/>
    <row r="347" ht="18" customHeight="1" x14ac:dyDescent="0.15"/>
    <row r="348" ht="18" customHeight="1" x14ac:dyDescent="0.15"/>
    <row r="349" ht="18" customHeight="1" x14ac:dyDescent="0.15"/>
    <row r="350" ht="18" customHeight="1" x14ac:dyDescent="0.15"/>
    <row r="351" ht="18" customHeight="1" x14ac:dyDescent="0.15"/>
    <row r="352" ht="18" customHeight="1" x14ac:dyDescent="0.15"/>
    <row r="353" ht="18" customHeight="1" x14ac:dyDescent="0.15"/>
    <row r="354" ht="18" customHeight="1" x14ac:dyDescent="0.15"/>
    <row r="355" ht="18" customHeight="1" x14ac:dyDescent="0.15"/>
    <row r="356" ht="18" customHeight="1" x14ac:dyDescent="0.15"/>
    <row r="357" ht="18" customHeight="1" x14ac:dyDescent="0.15"/>
    <row r="358" ht="18" customHeight="1" x14ac:dyDescent="0.15"/>
    <row r="359" ht="18" customHeight="1" x14ac:dyDescent="0.15"/>
    <row r="360" ht="18" customHeight="1" x14ac:dyDescent="0.15"/>
    <row r="361" ht="18" customHeight="1" x14ac:dyDescent="0.15"/>
    <row r="362" ht="18" customHeight="1" x14ac:dyDescent="0.15"/>
    <row r="363" ht="18" customHeight="1" x14ac:dyDescent="0.15"/>
    <row r="364" ht="18" customHeight="1" x14ac:dyDescent="0.15"/>
    <row r="365" ht="18" customHeight="1" x14ac:dyDescent="0.15"/>
    <row r="366" ht="18" customHeight="1" x14ac:dyDescent="0.15"/>
    <row r="367" ht="18" customHeight="1" x14ac:dyDescent="0.15"/>
    <row r="368" ht="18" customHeight="1" x14ac:dyDescent="0.15"/>
    <row r="369" ht="18" customHeight="1" x14ac:dyDescent="0.15"/>
    <row r="370" ht="18" customHeight="1" x14ac:dyDescent="0.15"/>
    <row r="371" ht="18" customHeight="1" x14ac:dyDescent="0.15"/>
    <row r="372" ht="18" customHeight="1" x14ac:dyDescent="0.15"/>
    <row r="373" ht="18" customHeight="1" x14ac:dyDescent="0.15"/>
    <row r="374" ht="18" customHeight="1" x14ac:dyDescent="0.15"/>
    <row r="375" ht="18" customHeight="1" x14ac:dyDescent="0.15"/>
    <row r="376" ht="18" customHeight="1" x14ac:dyDescent="0.15"/>
    <row r="377" ht="18" customHeight="1" x14ac:dyDescent="0.15"/>
    <row r="378" ht="18" customHeight="1" x14ac:dyDescent="0.15"/>
    <row r="379" ht="18" customHeight="1" x14ac:dyDescent="0.15"/>
    <row r="380" ht="18" customHeight="1" x14ac:dyDescent="0.15"/>
    <row r="381" ht="18" customHeight="1" x14ac:dyDescent="0.15"/>
    <row r="382" ht="18" customHeight="1" x14ac:dyDescent="0.15"/>
    <row r="383" ht="18" customHeight="1" x14ac:dyDescent="0.15"/>
    <row r="384" ht="18" customHeight="1" x14ac:dyDescent="0.15"/>
    <row r="385" ht="18" customHeight="1" x14ac:dyDescent="0.15"/>
    <row r="386" ht="18" customHeight="1" x14ac:dyDescent="0.15"/>
    <row r="387" ht="18" customHeight="1" x14ac:dyDescent="0.15"/>
    <row r="388" ht="18" customHeight="1" x14ac:dyDescent="0.15"/>
    <row r="389" ht="18" customHeight="1" x14ac:dyDescent="0.15"/>
    <row r="390" ht="18" customHeight="1" x14ac:dyDescent="0.15"/>
    <row r="391" ht="18" customHeight="1" x14ac:dyDescent="0.15"/>
    <row r="392" ht="18" customHeight="1" x14ac:dyDescent="0.15"/>
    <row r="393" ht="18" customHeight="1" x14ac:dyDescent="0.15"/>
    <row r="394" ht="18" customHeight="1" x14ac:dyDescent="0.15"/>
    <row r="395" ht="18" customHeight="1" x14ac:dyDescent="0.15"/>
    <row r="396" ht="18" customHeight="1" x14ac:dyDescent="0.15"/>
    <row r="397" ht="18" customHeight="1" x14ac:dyDescent="0.15"/>
    <row r="398" ht="18" customHeight="1" x14ac:dyDescent="0.15"/>
    <row r="399" ht="18" customHeight="1" x14ac:dyDescent="0.15"/>
    <row r="400" ht="18" customHeight="1" x14ac:dyDescent="0.15"/>
    <row r="401" ht="18" customHeight="1" x14ac:dyDescent="0.15"/>
    <row r="402" ht="18" customHeight="1" x14ac:dyDescent="0.15"/>
    <row r="403" ht="18" customHeight="1" x14ac:dyDescent="0.15"/>
    <row r="404" ht="18" customHeight="1" x14ac:dyDescent="0.15"/>
    <row r="405" ht="18" customHeight="1" x14ac:dyDescent="0.15"/>
    <row r="406" ht="18" customHeight="1" x14ac:dyDescent="0.15"/>
    <row r="407" ht="18" customHeight="1" x14ac:dyDescent="0.15"/>
    <row r="408" ht="18" customHeight="1" x14ac:dyDescent="0.15"/>
    <row r="409" ht="18" customHeight="1" x14ac:dyDescent="0.15"/>
    <row r="410" ht="18" customHeight="1" x14ac:dyDescent="0.15"/>
    <row r="411" ht="18" customHeight="1" x14ac:dyDescent="0.15"/>
    <row r="412" ht="18" customHeight="1" x14ac:dyDescent="0.15"/>
    <row r="413" ht="18" customHeight="1" x14ac:dyDescent="0.15"/>
    <row r="414" ht="18" customHeight="1" x14ac:dyDescent="0.15"/>
  </sheetData>
  <mergeCells count="88">
    <mergeCell ref="B3:C6"/>
    <mergeCell ref="D3:W3"/>
    <mergeCell ref="X3:Y6"/>
    <mergeCell ref="Z3:AF3"/>
    <mergeCell ref="AI3:BB3"/>
    <mergeCell ref="BC3:BD6"/>
    <mergeCell ref="BE3:BK3"/>
    <mergeCell ref="BL3:BM6"/>
    <mergeCell ref="BN3:CG3"/>
    <mergeCell ref="AJ4:AP4"/>
    <mergeCell ref="AQ4:AQ6"/>
    <mergeCell ref="AR4:AX4"/>
    <mergeCell ref="AY4:BB4"/>
    <mergeCell ref="D4:D6"/>
    <mergeCell ref="L4:L6"/>
    <mergeCell ref="T4:W4"/>
    <mergeCell ref="AD4:AE4"/>
    <mergeCell ref="AF4:AF5"/>
    <mergeCell ref="CN4:CO4"/>
    <mergeCell ref="CP4:CP6"/>
    <mergeCell ref="CA5:CA6"/>
    <mergeCell ref="CB5:CB6"/>
    <mergeCell ref="CC5:CC6"/>
    <mergeCell ref="CJ5:CJ6"/>
    <mergeCell ref="CH3:CI6"/>
    <mergeCell ref="CJ3:CP3"/>
    <mergeCell ref="R5:R6"/>
    <mergeCell ref="BV4:BV6"/>
    <mergeCell ref="BW4:CC4"/>
    <mergeCell ref="CD4:CG4"/>
    <mergeCell ref="CJ4:CM4"/>
    <mergeCell ref="BE4:BG4"/>
    <mergeCell ref="BI4:BJ4"/>
    <mergeCell ref="BK4:BK6"/>
    <mergeCell ref="BN4:BN6"/>
    <mergeCell ref="BO4:BU4"/>
    <mergeCell ref="BE5:BE6"/>
    <mergeCell ref="BF5:BF6"/>
    <mergeCell ref="BG5:BG6"/>
    <mergeCell ref="BH5:BH6"/>
    <mergeCell ref="AI4:AI6"/>
    <mergeCell ref="AG3:AH6"/>
    <mergeCell ref="M5:M6"/>
    <mergeCell ref="N5:N6"/>
    <mergeCell ref="O5:O6"/>
    <mergeCell ref="P5:P6"/>
    <mergeCell ref="Q5:Q6"/>
    <mergeCell ref="AX5:AX6"/>
    <mergeCell ref="S5:S6"/>
    <mergeCell ref="Z5:Z6"/>
    <mergeCell ref="AA5:AA6"/>
    <mergeCell ref="AB5:AB6"/>
    <mergeCell ref="AD5:AD6"/>
    <mergeCell ref="AR5:AR6"/>
    <mergeCell ref="AS5:AS6"/>
    <mergeCell ref="AT5:AT6"/>
    <mergeCell ref="AU5:AU6"/>
    <mergeCell ref="AV5:AV6"/>
    <mergeCell ref="AW5:AW6"/>
    <mergeCell ref="CO5:CO6"/>
    <mergeCell ref="BI5:BI6"/>
    <mergeCell ref="BJ5:BJ6"/>
    <mergeCell ref="BW5:BW6"/>
    <mergeCell ref="BX5:BX6"/>
    <mergeCell ref="BY5:BY6"/>
    <mergeCell ref="BZ5:BZ6"/>
    <mergeCell ref="CH44:CI44"/>
    <mergeCell ref="CK5:CK6"/>
    <mergeCell ref="CL5:CL6"/>
    <mergeCell ref="CM5:CM6"/>
    <mergeCell ref="CN5:CN6"/>
    <mergeCell ref="B44:C44"/>
    <mergeCell ref="X44:Y44"/>
    <mergeCell ref="AG44:AH44"/>
    <mergeCell ref="BC44:BD44"/>
    <mergeCell ref="BL44:BM44"/>
    <mergeCell ref="CH46:CI46"/>
    <mergeCell ref="B45:C45"/>
    <mergeCell ref="X45:Y45"/>
    <mergeCell ref="AG45:AH45"/>
    <mergeCell ref="BC45:BD45"/>
    <mergeCell ref="BL45:BM45"/>
    <mergeCell ref="CH45:CI45"/>
    <mergeCell ref="B46:C46"/>
    <mergeCell ref="X46:Y46"/>
    <mergeCell ref="AG46:AH46"/>
    <mergeCell ref="BC46:BD46"/>
    <mergeCell ref="BL46:BM46"/>
  </mergeCells>
  <phoneticPr fontId="3"/>
  <printOptions verticalCentered="1" gridLinesSet="0"/>
  <pageMargins left="0.7" right="0.7" top="0.75" bottom="0.75" header="0.3" footer="0.3"/>
  <pageSetup paperSize="9" scale="92" orientation="landscape" blackAndWhite="1" r:id="rId1"/>
  <headerFooter alignWithMargins="0"/>
  <colBreaks count="5" manualBreakCount="5">
    <brk id="23" max="45" man="1"/>
    <brk id="32" max="45" man="1"/>
    <brk id="54" max="45" man="1"/>
    <brk id="63" max="45" man="1"/>
    <brk id="85" max="4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第12表</vt:lpstr>
      <vt:lpstr>第12表!Print_Area</vt:lpstr>
      <vt:lpstr>第12表!Print_Area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2:13:11Z</cp:lastPrinted>
  <dcterms:created xsi:type="dcterms:W3CDTF">2018-03-07T05:15:42Z</dcterms:created>
  <dcterms:modified xsi:type="dcterms:W3CDTF">2018-03-08T02:13:17Z</dcterms:modified>
</cp:coreProperties>
</file>